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.xml" ContentType="application/vnd.openxmlformats-officedocument.presentationml.tags+xml"/>
  <Override PartName="/ppt/notesSlides/notesSlide4.xml" ContentType="application/vnd.openxmlformats-officedocument.presentationml.notesSlide+xml"/>
  <Override PartName="/ppt/tags/tag2.xml" ContentType="application/vnd.openxmlformats-officedocument.presentationml.tags+xml"/>
  <Override PartName="/ppt/notesSlides/notesSlide5.xml" ContentType="application/vnd.openxmlformats-officedocument.presentationml.notesSlide+xml"/>
  <Override PartName="/ppt/tags/tag3.xml" ContentType="application/vnd.openxmlformats-officedocument.presentationml.tags+xml"/>
  <Override PartName="/ppt/notesSlides/notesSlide6.xml" ContentType="application/vnd.openxmlformats-officedocument.presentationml.notesSlide+xml"/>
  <Override PartName="/ppt/tags/tag4.xml" ContentType="application/vnd.openxmlformats-officedocument.presentationml.tags+xml"/>
  <Override PartName="/ppt/notesSlides/notesSlide7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</p:sldMasterIdLst>
  <p:notesMasterIdLst>
    <p:notesMasterId r:id="rId13"/>
  </p:notesMasterIdLst>
  <p:sldIdLst>
    <p:sldId id="262" r:id="rId6"/>
    <p:sldId id="354" r:id="rId7"/>
    <p:sldId id="329" r:id="rId8"/>
    <p:sldId id="264" r:id="rId9"/>
    <p:sldId id="353" r:id="rId10"/>
    <p:sldId id="335" r:id="rId11"/>
    <p:sldId id="301" r:id="rId12"/>
  </p:sldIdLst>
  <p:sldSz cx="9144000" cy="6858000" type="screen4x3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50505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1CC9B00-8E17-4CBE-8CC6-CC26CEEBB28E}" v="7" dt="2021-06-23T09:07:59.022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79" autoAdjust="0"/>
    <p:restoredTop sz="84318" autoAdjust="0"/>
  </p:normalViewPr>
  <p:slideViewPr>
    <p:cSldViewPr snapToGrid="0" showGuides="1">
      <p:cViewPr varScale="1">
        <p:scale>
          <a:sx n="79" d="100"/>
          <a:sy n="79" d="100"/>
        </p:scale>
        <p:origin x="1998" y="9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notesMaster" Target="notesMasters/notesMaster1.xml"/><Relationship Id="rId18" Type="http://schemas.microsoft.com/office/2015/10/relationships/revisionInfo" Target="revisionInfo.xml"/><Relationship Id="rId3" Type="http://schemas.openxmlformats.org/officeDocument/2006/relationships/customXml" Target="../customXml/item3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5" Type="http://schemas.openxmlformats.org/officeDocument/2006/relationships/slideMaster" Target="slideMasters/slideMaster1.xml"/><Relationship Id="rId15" Type="http://schemas.openxmlformats.org/officeDocument/2006/relationships/viewProps" Target="viewProps.xml"/><Relationship Id="rId10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3/06/2021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143000" y="685800"/>
            <a:ext cx="4572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0136894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sz="1200" b="0" i="0" u="sng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Indikatorer fra DEA rapport:</a:t>
            </a:r>
          </a:p>
          <a:p>
            <a:r>
              <a:rPr lang="da-DK" sz="12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Begge </a:t>
            </a:r>
            <a:r>
              <a:rPr lang="da-DK" sz="1200" b="0" i="0" kern="1200" dirty="0" err="1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surveys</a:t>
            </a:r>
            <a:r>
              <a:rPr lang="da-DK" sz="12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 fra de internationale rankings er indikatorer der uundgåeligt er påvirket af;</a:t>
            </a:r>
          </a:p>
          <a:p>
            <a:pPr marL="228600" indent="-228600">
              <a:buAutoNum type="alphaLcParenR"/>
            </a:pPr>
            <a:r>
              <a:rPr lang="da-DK" sz="12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at universitet enten er meget kendte og typisk også meget gamle uddannelsesinstitutioner (fx Oxford, MIT, Harvard), og</a:t>
            </a:r>
          </a:p>
          <a:p>
            <a:pPr marL="228600" indent="-228600">
              <a:buAutoNum type="alphaLcParenR"/>
            </a:pPr>
            <a:r>
              <a:rPr lang="da-DK" sz="12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at universiteterne aktivt forsøger at aktivere deres netværk forud for </a:t>
            </a:r>
            <a:r>
              <a:rPr lang="da-DK" sz="1200" b="0" i="0" kern="1200" dirty="0" err="1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surveyen</a:t>
            </a:r>
            <a:r>
              <a:rPr lang="da-DK" sz="12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. Dette er det en lang mindre (eksplicit) kultur for blandt universiteter i DK end i andre lande.</a:t>
            </a:r>
          </a:p>
          <a:p>
            <a:endParaRPr lang="da-DK" sz="12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da-DK" sz="1200" b="0" i="0" u="sng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Andre mål for uddannelseskvalitet:</a:t>
            </a:r>
          </a:p>
          <a:p>
            <a:r>
              <a:rPr lang="da-DK" sz="12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I 2019 blev SDU placeret som nr. 28 (bedst i DK) på </a:t>
            </a:r>
            <a:r>
              <a:rPr lang="da-DK" sz="1200" b="0" i="0" kern="1200" dirty="0" err="1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THE’s</a:t>
            </a:r>
            <a:r>
              <a:rPr lang="da-DK" sz="12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 europæiske rangliste af læringsmiljø på universiteter. Denne ranking eksisterer desværre ikke længere. </a:t>
            </a:r>
          </a:p>
          <a:p>
            <a:r>
              <a:rPr lang="da-DK" sz="12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THE Europe </a:t>
            </a:r>
            <a:r>
              <a:rPr lang="da-DK" sz="1200" b="0" i="0" kern="1200" dirty="0" err="1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Teaching</a:t>
            </a:r>
            <a:r>
              <a:rPr lang="da-DK" sz="12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 Ranking havde et særligt fokus på undervisningskvalitet og læremulighed, hvilket blandt andet kom til udtryk ved, </a:t>
            </a:r>
          </a:p>
          <a:p>
            <a:r>
              <a:rPr lang="da-DK" sz="12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+mn-ea"/>
                <a:cs typeface="+mn-cs"/>
              </a:rPr>
              <a:t>at en af hovedkomponenterne i bedømmelsen var de studerendes egen vurdering af deres universitet.</a:t>
            </a:r>
          </a:p>
          <a:p>
            <a:br>
              <a:rPr lang="da-DK" dirty="0"/>
            </a:br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727633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Deltagelsen steg med mere end 50% fra 2020 til 2021 – indikerer at denne ranking får stigende tilslutning og dermed også betydning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da-DK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Det er frivilligt for de deltagende universiteter, hvor mange af verdensmålene de vil placeres på, med undtagelse af verdensmål 17, som er obligatorisk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da-DK" dirty="0"/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dirty="0"/>
              <a:t>SDU har valgt at blive placeret på alle verdensmål da vi ønsker en temperaturmåling af </a:t>
            </a:r>
            <a:r>
              <a:rPr lang="da-DK" dirty="0" err="1"/>
              <a:t>SDU’s</a:t>
            </a:r>
            <a:r>
              <a:rPr lang="da-DK" dirty="0"/>
              <a:t> tiltag på alle verdensmål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237101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THE placerer de første 100 med en specifik placering, derefter er det bredere intervaller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da-DK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Den overordnede score er udgjort af de kategorier hvor SDU relativt set klarer sig bedst + det obligatoriske verdensmål 17 – dvs. ift. hvordan de andre universiteter klarer sig i kategorien.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da-DK" dirty="0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Værd at pointere at SDU klarer sig særlig godt på alle forskningsindikatorer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6302320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200" b="1" i="0" u="sng" strike="noStrike" kern="1200" baseline="0" dirty="0" err="1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Særligt</a:t>
            </a:r>
            <a:r>
              <a:rPr lang="en-US" sz="1200" b="1" i="0" u="sng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 om </a:t>
            </a:r>
            <a:r>
              <a:rPr lang="en-US" sz="1200" b="1" i="0" u="sng" strike="noStrike" kern="1200" baseline="0" dirty="0" err="1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grundskole</a:t>
            </a:r>
            <a:r>
              <a:rPr lang="en-US" sz="1200" b="1" i="0" u="sng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 </a:t>
            </a:r>
            <a:r>
              <a:rPr lang="en-US" sz="1200" b="1" i="0" u="sng" strike="noStrike" kern="1200" baseline="0" dirty="0" err="1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underviser</a:t>
            </a:r>
            <a:r>
              <a:rPr lang="en-US" sz="1200" b="1" i="0" u="sng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 </a:t>
            </a:r>
            <a:r>
              <a:rPr lang="en-US" sz="1200" b="1" i="0" u="sng" strike="noStrike" kern="1200" baseline="0" dirty="0" err="1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indikator</a:t>
            </a:r>
            <a:r>
              <a:rPr lang="en-US" sz="1200" b="1" i="0" u="sng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:</a:t>
            </a:r>
            <a:r>
              <a:rPr lang="en-US" sz="1200" b="1" i="1" u="sng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200" b="0" i="1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“The metric tries to show how universities are ensuring that primary education </a:t>
            </a:r>
            <a:r>
              <a:rPr lang="da-DK" sz="1200" b="0" i="1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is </a:t>
            </a:r>
            <a:r>
              <a:rPr lang="da-DK" sz="1200" b="0" i="1" u="none" strike="noStrike" kern="1200" baseline="0" dirty="0" err="1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adequately</a:t>
            </a:r>
            <a:r>
              <a:rPr lang="da-DK" sz="1200" b="0" i="1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 </a:t>
            </a:r>
            <a:r>
              <a:rPr lang="da-DK" sz="1200" b="0" i="1" u="none" strike="noStrike" kern="1200" baseline="0" dirty="0" err="1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resourced</a:t>
            </a:r>
            <a:r>
              <a:rPr lang="da-DK" sz="1200" b="0" i="1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.”</a:t>
            </a:r>
            <a:r>
              <a:rPr lang="da-DK" sz="1200" b="0" i="0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sz="1200" b="0" i="0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THE anerkender der er et systematisk bias i denne grundet internationale forskelle på, hvad der kvalificerer til undervisning i grundskolen.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sz="1200" b="0" i="0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Typisk vil de lande som har relativt sværere ved at skaffe kvalificerede undervisere have en fordel i denne kategori/indikator, ofte fordi et givent uddannelsesniveau vil give adgang til at undervise på et lavere uddannelsesniveau.</a:t>
            </a:r>
          </a:p>
          <a:p>
            <a:endParaRPr lang="da-DK" sz="1200" b="1" i="1" u="none" strike="noStrike" kern="1200" baseline="0" dirty="0">
              <a:solidFill>
                <a:schemeClr val="tx1"/>
              </a:solidFill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da-DK" sz="1200" b="1" i="0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OBS: I DK bliver man ikke automatisk kvalificeret til at undervise på grundskoleniveau gennem en videregående uddannelse. Det kræver at man er uddannet lærer, typisk fra en professionshøjskole / erhvervsakademi etc. Dette fortolkes forskelligt på tværs af de danske universiteter. SDU følger </a:t>
            </a:r>
            <a:r>
              <a:rPr lang="da-DK" sz="1200" b="1" i="0" u="none" strike="noStrike" kern="1200" baseline="0" dirty="0" err="1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THE’s</a:t>
            </a:r>
            <a:r>
              <a:rPr lang="da-DK" sz="1200" b="1" i="0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 anvisning, som er, at danske universiteter ikke producerer folkeskolelærer jf. ovenstående vilkår i det danske uddannelsessystem.</a:t>
            </a:r>
          </a:p>
          <a:p>
            <a:endParaRPr lang="da-DK" sz="1200" b="1" i="0" u="none" strike="noStrike" kern="1200" baseline="0" dirty="0">
              <a:solidFill>
                <a:schemeClr val="tx1"/>
              </a:solidFill>
              <a:latin typeface="Arial" panose="020B0604020202020204" pitchFamily="34" charset="0"/>
              <a:ea typeface="+mn-ea"/>
              <a:cs typeface="+mn-cs"/>
            </a:endParaRPr>
          </a:p>
          <a:p>
            <a:r>
              <a:rPr lang="da-DK" sz="1200" b="0" i="0" u="sng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Perspektivering: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Education is a precursor to growing an economy sustainably, not just at higher education levels, but importantly in early years and lifelong learning. It is a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gateway out of poverty (SDG1), especially intergenerational poverty. Education delivered fairly helps to break down inequalities (SDG10), and provides the key</a:t>
            </a:r>
          </a:p>
          <a:p>
            <a:r>
              <a:rPr lang="en-US" sz="1200" b="0" i="0" u="none" strike="noStrike" kern="1200" baseline="0" dirty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+mn-cs"/>
              </a:rPr>
              <a:t>workers needed to support a fair and sustainable world (SDG8).</a:t>
            </a:r>
            <a:endParaRPr lang="en-US" sz="1200" b="1" i="0" u="none" strike="noStrike" kern="1200" baseline="0" dirty="0">
              <a:solidFill>
                <a:schemeClr val="tx1"/>
              </a:solidFill>
              <a:latin typeface="Arial" panose="020B0604020202020204" pitchFamily="34" charset="0"/>
              <a:ea typeface="+mn-ea"/>
              <a:cs typeface="+mn-cs"/>
            </a:endParaRPr>
          </a:p>
          <a:p>
            <a:endParaRPr lang="en-US" sz="1200" b="1" i="0" u="none" strike="noStrike" kern="1200" baseline="0" dirty="0">
              <a:solidFill>
                <a:schemeClr val="tx1"/>
              </a:solidFill>
              <a:latin typeface="Arial" panose="020B0604020202020204" pitchFamily="34" charset="0"/>
              <a:ea typeface="+mn-ea"/>
              <a:cs typeface="+mn-cs"/>
            </a:endParaRPr>
          </a:p>
          <a:p>
            <a:endParaRPr lang="da-DK" sz="1200" b="1" i="0" u="none" strike="noStrike" kern="1200" baseline="0" dirty="0">
              <a:solidFill>
                <a:schemeClr val="tx1"/>
              </a:solidFill>
              <a:latin typeface="Arial" panose="020B0604020202020204" pitchFamily="34" charset="0"/>
              <a:ea typeface="+mn-ea"/>
              <a:cs typeface="+mn-cs"/>
            </a:endParaRPr>
          </a:p>
          <a:p>
            <a:endParaRPr lang="da-DK" b="1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6698832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Skyldes både øget deltagelse og at mange universiteter kæmper om en god placering i denne, og derfor vil deltagerne med alt sandsynlighed løbende forbedre deres præstation i denne kategori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964408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Se mere om ranking på vores hjemmeside:</a:t>
            </a:r>
          </a:p>
          <a:p>
            <a:r>
              <a:rPr lang="da-DK" dirty="0"/>
              <a:t>https://www.sdu.dk/da/om_sdu/dokumentation_tal/internationale+ranglister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D77C3C4-F300-4644-9D4F-1431B6D28586}" type="slidenum">
              <a:rPr lang="da-DK" smtClean="0"/>
              <a:t>7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489502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91422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700212"/>
            <a:ext cx="7551758" cy="4141785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02C9E90-37DD-4C1A-AB21-3AF2DA430E0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57" y="6375535"/>
            <a:ext cx="800713" cy="225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2" y="0"/>
            <a:ext cx="4574475" cy="68580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019300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B9BB03FB-BC65-4B73-9B66-32507EBF134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8728" y="6381356"/>
            <a:ext cx="797663" cy="225677"/>
          </a:xfrm>
          <a:prstGeom prst="rect">
            <a:avLst/>
          </a:prstGeom>
        </p:spPr>
      </p:pic>
      <p:sp>
        <p:nvSpPr>
          <p:cNvPr id="23" name="Title 1">
            <a:extLst>
              <a:ext uri="{FF2B5EF4-FFF2-40B4-BE49-F238E27FC236}">
                <a16:creationId xmlns:a16="http://schemas.microsoft.com/office/drawing/2014/main" id="{EFD876A3-4F24-4834-9FFF-7E8AD294562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435D18C-F049-45BC-9DD0-BCABC1798FE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5032802" y="2003078"/>
            <a:ext cx="3507803" cy="1373041"/>
          </a:xfrm>
        </p:spPr>
        <p:txBody>
          <a:bodyPr/>
          <a:lstStyle>
            <a:lvl1pPr>
              <a:defRPr sz="36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32800" y="1204110"/>
            <a:ext cx="3494458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308376" y="1016000"/>
            <a:ext cx="303290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C1D70FD-38F1-46F9-B7F9-51176E935F50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4F91CDD8-F125-4A35-872E-713802788FB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608454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608454" y="2695029"/>
            <a:ext cx="2990094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8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1609277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607860" y="4869330"/>
            <a:ext cx="2990093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251988" indent="0">
              <a:buNone/>
              <a:defRPr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5562099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  <a:lvl2pPr marL="251988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562099" y="2694300"/>
            <a:ext cx="2990095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562099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562099" y="4869330"/>
            <a:ext cx="2990092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E9B44DD-5439-4457-BCA6-2324E90AE91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genda layou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47706465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Imag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" name="Picture Placeholder 20">
            <a:extLst>
              <a:ext uri="{FF2B5EF4-FFF2-40B4-BE49-F238E27FC236}">
                <a16:creationId xmlns:a16="http://schemas.microsoft.com/office/drawing/2014/main" id="{6FE311F5-A9A3-4147-874B-14B212E901EC}"/>
              </a:ext>
            </a:extLst>
          </p:cNvPr>
          <p:cNvSpPr>
            <a:spLocks noGrp="1"/>
          </p:cNvSpPr>
          <p:nvPr>
            <p:ph type="pic" idx="11" hasCustomPrompt="1"/>
          </p:nvPr>
        </p:nvSpPr>
        <p:spPr>
          <a:xfrm>
            <a:off x="4940536" y="3577044"/>
            <a:ext cx="2325405" cy="3100540"/>
          </a:xfrm>
          <a:custGeom>
            <a:avLst/>
            <a:gdLst>
              <a:gd name="connsiteX0" fmla="*/ 1550270 w 3100540"/>
              <a:gd name="connsiteY0" fmla="*/ 0 h 3100540"/>
              <a:gd name="connsiteX1" fmla="*/ 1677815 w 3100540"/>
              <a:gd name="connsiteY1" fmla="*/ 52831 h 3100540"/>
              <a:gd name="connsiteX2" fmla="*/ 3047709 w 3100540"/>
              <a:gd name="connsiteY2" fmla="*/ 1422726 h 3100540"/>
              <a:gd name="connsiteX3" fmla="*/ 3047709 w 3100540"/>
              <a:gd name="connsiteY3" fmla="*/ 1677816 h 3100540"/>
              <a:gd name="connsiteX4" fmla="*/ 1677816 w 3100540"/>
              <a:gd name="connsiteY4" fmla="*/ 3047710 h 3100540"/>
              <a:gd name="connsiteX5" fmla="*/ 1422726 w 3100540"/>
              <a:gd name="connsiteY5" fmla="*/ 3047710 h 3100540"/>
              <a:gd name="connsiteX6" fmla="*/ 52831 w 3100540"/>
              <a:gd name="connsiteY6" fmla="*/ 1677815 h 3100540"/>
              <a:gd name="connsiteX7" fmla="*/ 52831 w 3100540"/>
              <a:gd name="connsiteY7" fmla="*/ 1422724 h 3100540"/>
              <a:gd name="connsiteX8" fmla="*/ 1422724 w 3100540"/>
              <a:gd name="connsiteY8" fmla="*/ 52831 h 3100540"/>
              <a:gd name="connsiteX9" fmla="*/ 1550270 w 3100540"/>
              <a:gd name="connsiteY9" fmla="*/ 0 h 31005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3100540" h="3100540">
                <a:moveTo>
                  <a:pt x="1550270" y="0"/>
                </a:moveTo>
                <a:cubicBezTo>
                  <a:pt x="1596432" y="0"/>
                  <a:pt x="1642594" y="17610"/>
                  <a:pt x="1677815" y="52831"/>
                </a:cubicBezTo>
                <a:lnTo>
                  <a:pt x="3047709" y="1422726"/>
                </a:lnTo>
                <a:cubicBezTo>
                  <a:pt x="3118151" y="1493167"/>
                  <a:pt x="3118151" y="1607375"/>
                  <a:pt x="3047709" y="1677816"/>
                </a:cubicBezTo>
                <a:lnTo>
                  <a:pt x="1677816" y="3047710"/>
                </a:lnTo>
                <a:cubicBezTo>
                  <a:pt x="1607375" y="3118151"/>
                  <a:pt x="1493167" y="3118151"/>
                  <a:pt x="1422726" y="3047710"/>
                </a:cubicBezTo>
                <a:lnTo>
                  <a:pt x="52831" y="1677815"/>
                </a:lnTo>
                <a:cubicBezTo>
                  <a:pt x="-17610" y="1607373"/>
                  <a:pt x="-17610" y="1493166"/>
                  <a:pt x="52831" y="1422724"/>
                </a:cubicBezTo>
                <a:lnTo>
                  <a:pt x="1422724" y="52831"/>
                </a:lnTo>
                <a:cubicBezTo>
                  <a:pt x="1457945" y="17610"/>
                  <a:pt x="1504107" y="0"/>
                  <a:pt x="1550270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 w="50800">
            <a:noFill/>
          </a:ln>
        </p:spPr>
        <p:txBody>
          <a:bodyPr wrap="square" anchor="ctr">
            <a:noAutofit/>
          </a:bodyPr>
          <a:lstStyle>
            <a:lvl1pPr marL="0" indent="0" algn="ctr">
              <a:buNone/>
              <a:defRPr sz="900" baseline="0">
                <a:latin typeface="Arial" pitchFamily="34" charset="0"/>
                <a:cs typeface="Arial" pitchFamily="34" charset="0"/>
              </a:defRPr>
            </a:lvl1pPr>
            <a:lvl2pPr marL="342900" indent="0">
              <a:buNone/>
              <a:defRPr sz="2100"/>
            </a:lvl2pPr>
            <a:lvl3pPr marL="685800" indent="0">
              <a:buNone/>
              <a:defRPr sz="1800"/>
            </a:lvl3pPr>
            <a:lvl4pPr marL="1028700" indent="0">
              <a:buNone/>
              <a:defRPr sz="1500"/>
            </a:lvl4pPr>
            <a:lvl5pPr marL="1371600" indent="0">
              <a:buNone/>
              <a:defRPr sz="1500"/>
            </a:lvl5pPr>
            <a:lvl6pPr marL="1714500" indent="0">
              <a:buNone/>
              <a:defRPr sz="1500"/>
            </a:lvl6pPr>
            <a:lvl7pPr marL="2057400" indent="0">
              <a:buNone/>
              <a:defRPr sz="1500"/>
            </a:lvl7pPr>
            <a:lvl8pPr marL="2400300" indent="0">
              <a:buNone/>
              <a:defRPr sz="1500"/>
            </a:lvl8pPr>
            <a:lvl9pPr marL="2743200" indent="0">
              <a:buNone/>
              <a:defRPr sz="1500"/>
            </a:lvl9pPr>
          </a:lstStyle>
          <a:p>
            <a:r>
              <a:rPr lang="en-US" altLang="ko-KR" dirty="0"/>
              <a:t>Your Picture Here</a:t>
            </a:r>
            <a:endParaRPr lang="ko-KR" altLang="en-US" dirty="0"/>
          </a:p>
        </p:txBody>
      </p:sp>
      <p:sp>
        <p:nvSpPr>
          <p:cNvPr id="51" name="Picture Placeholder 18">
            <a:extLst>
              <a:ext uri="{FF2B5EF4-FFF2-40B4-BE49-F238E27FC236}">
                <a16:creationId xmlns:a16="http://schemas.microsoft.com/office/drawing/2014/main" id="{11224CB0-F9E0-437C-86B4-895C27988953}"/>
              </a:ext>
            </a:extLst>
          </p:cNvPr>
          <p:cNvSpPr>
            <a:spLocks noGrp="1"/>
          </p:cNvSpPr>
          <p:nvPr>
            <p:ph type="pic" idx="12" hasCustomPrompt="1"/>
          </p:nvPr>
        </p:nvSpPr>
        <p:spPr>
          <a:xfrm>
            <a:off x="4940536" y="204021"/>
            <a:ext cx="2325405" cy="3100540"/>
          </a:xfrm>
          <a:custGeom>
            <a:avLst/>
            <a:gdLst>
              <a:gd name="connsiteX0" fmla="*/ 1550269 w 3100540"/>
              <a:gd name="connsiteY0" fmla="*/ 0 h 3100540"/>
              <a:gd name="connsiteX1" fmla="*/ 1677815 w 3100540"/>
              <a:gd name="connsiteY1" fmla="*/ 52831 h 3100540"/>
              <a:gd name="connsiteX2" fmla="*/ 3047709 w 3100540"/>
              <a:gd name="connsiteY2" fmla="*/ 1422726 h 3100540"/>
              <a:gd name="connsiteX3" fmla="*/ 3047709 w 3100540"/>
              <a:gd name="connsiteY3" fmla="*/ 1677816 h 3100540"/>
              <a:gd name="connsiteX4" fmla="*/ 1677816 w 3100540"/>
              <a:gd name="connsiteY4" fmla="*/ 3047709 h 3100540"/>
              <a:gd name="connsiteX5" fmla="*/ 1422726 w 3100540"/>
              <a:gd name="connsiteY5" fmla="*/ 3047709 h 3100540"/>
              <a:gd name="connsiteX6" fmla="*/ 52831 w 3100540"/>
              <a:gd name="connsiteY6" fmla="*/ 1677814 h 3100540"/>
              <a:gd name="connsiteX7" fmla="*/ 52831 w 3100540"/>
              <a:gd name="connsiteY7" fmla="*/ 1422724 h 3100540"/>
              <a:gd name="connsiteX8" fmla="*/ 1422724 w 3100540"/>
              <a:gd name="connsiteY8" fmla="*/ 52831 h 3100540"/>
              <a:gd name="connsiteX9" fmla="*/ 1550269 w 3100540"/>
              <a:gd name="connsiteY9" fmla="*/ 0 h 31005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3100540" h="3100540">
                <a:moveTo>
                  <a:pt x="1550269" y="0"/>
                </a:moveTo>
                <a:cubicBezTo>
                  <a:pt x="1596432" y="0"/>
                  <a:pt x="1642594" y="17610"/>
                  <a:pt x="1677815" y="52831"/>
                </a:cubicBezTo>
                <a:lnTo>
                  <a:pt x="3047709" y="1422726"/>
                </a:lnTo>
                <a:cubicBezTo>
                  <a:pt x="3118151" y="1493167"/>
                  <a:pt x="3118151" y="1607375"/>
                  <a:pt x="3047709" y="1677816"/>
                </a:cubicBezTo>
                <a:lnTo>
                  <a:pt x="1677816" y="3047709"/>
                </a:lnTo>
                <a:cubicBezTo>
                  <a:pt x="1607375" y="3118151"/>
                  <a:pt x="1493167" y="3118151"/>
                  <a:pt x="1422726" y="3047709"/>
                </a:cubicBezTo>
                <a:lnTo>
                  <a:pt x="52831" y="1677814"/>
                </a:lnTo>
                <a:cubicBezTo>
                  <a:pt x="-17610" y="1607373"/>
                  <a:pt x="-17610" y="1493166"/>
                  <a:pt x="52831" y="1422724"/>
                </a:cubicBezTo>
                <a:lnTo>
                  <a:pt x="1422724" y="52831"/>
                </a:lnTo>
                <a:cubicBezTo>
                  <a:pt x="1457945" y="17610"/>
                  <a:pt x="1504107" y="0"/>
                  <a:pt x="1550269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 w="50800">
            <a:noFill/>
          </a:ln>
        </p:spPr>
        <p:txBody>
          <a:bodyPr wrap="square" anchor="ctr">
            <a:noAutofit/>
          </a:bodyPr>
          <a:lstStyle>
            <a:lvl1pPr marL="0" indent="0" algn="ctr">
              <a:buNone/>
              <a:defRPr sz="900" baseline="0">
                <a:latin typeface="Arial" pitchFamily="34" charset="0"/>
                <a:cs typeface="Arial" pitchFamily="34" charset="0"/>
              </a:defRPr>
            </a:lvl1pPr>
            <a:lvl2pPr marL="342900" indent="0">
              <a:buNone/>
              <a:defRPr sz="2100"/>
            </a:lvl2pPr>
            <a:lvl3pPr marL="685800" indent="0">
              <a:buNone/>
              <a:defRPr sz="1800"/>
            </a:lvl3pPr>
            <a:lvl4pPr marL="1028700" indent="0">
              <a:buNone/>
              <a:defRPr sz="1500"/>
            </a:lvl4pPr>
            <a:lvl5pPr marL="1371600" indent="0">
              <a:buNone/>
              <a:defRPr sz="1500"/>
            </a:lvl5pPr>
            <a:lvl6pPr marL="1714500" indent="0">
              <a:buNone/>
              <a:defRPr sz="1500"/>
            </a:lvl6pPr>
            <a:lvl7pPr marL="2057400" indent="0">
              <a:buNone/>
              <a:defRPr sz="1500"/>
            </a:lvl7pPr>
            <a:lvl8pPr marL="2400300" indent="0">
              <a:buNone/>
              <a:defRPr sz="1500"/>
            </a:lvl8pPr>
            <a:lvl9pPr marL="2743200" indent="0">
              <a:buNone/>
              <a:defRPr sz="1500"/>
            </a:lvl9pPr>
          </a:lstStyle>
          <a:p>
            <a:r>
              <a:rPr lang="en-US" altLang="ko-KR" dirty="0"/>
              <a:t>Your Picture Here</a:t>
            </a:r>
            <a:endParaRPr lang="ko-KR" altLang="en-US" dirty="0"/>
          </a:p>
        </p:txBody>
      </p:sp>
      <p:sp>
        <p:nvSpPr>
          <p:cNvPr id="52" name="Picture Placeholder 19">
            <a:extLst>
              <a:ext uri="{FF2B5EF4-FFF2-40B4-BE49-F238E27FC236}">
                <a16:creationId xmlns:a16="http://schemas.microsoft.com/office/drawing/2014/main" id="{90C4F28F-E0C5-4C6F-9778-5071266AA6DB}"/>
              </a:ext>
            </a:extLst>
          </p:cNvPr>
          <p:cNvSpPr>
            <a:spLocks noGrp="1"/>
          </p:cNvSpPr>
          <p:nvPr>
            <p:ph type="pic" idx="13" hasCustomPrompt="1"/>
          </p:nvPr>
        </p:nvSpPr>
        <p:spPr>
          <a:xfrm>
            <a:off x="6315561" y="1890533"/>
            <a:ext cx="2325406" cy="3100540"/>
          </a:xfrm>
          <a:custGeom>
            <a:avLst/>
            <a:gdLst>
              <a:gd name="connsiteX0" fmla="*/ 1550270 w 3100541"/>
              <a:gd name="connsiteY0" fmla="*/ 0 h 3100540"/>
              <a:gd name="connsiteX1" fmla="*/ 1677815 w 3100541"/>
              <a:gd name="connsiteY1" fmla="*/ 52831 h 3100540"/>
              <a:gd name="connsiteX2" fmla="*/ 3047710 w 3100541"/>
              <a:gd name="connsiteY2" fmla="*/ 1422726 h 3100540"/>
              <a:gd name="connsiteX3" fmla="*/ 3047710 w 3100541"/>
              <a:gd name="connsiteY3" fmla="*/ 1677816 h 3100540"/>
              <a:gd name="connsiteX4" fmla="*/ 1677817 w 3100541"/>
              <a:gd name="connsiteY4" fmla="*/ 3047710 h 3100540"/>
              <a:gd name="connsiteX5" fmla="*/ 1422727 w 3100541"/>
              <a:gd name="connsiteY5" fmla="*/ 3047710 h 3100540"/>
              <a:gd name="connsiteX6" fmla="*/ 52832 w 3100541"/>
              <a:gd name="connsiteY6" fmla="*/ 1677815 h 3100540"/>
              <a:gd name="connsiteX7" fmla="*/ 52832 w 3100541"/>
              <a:gd name="connsiteY7" fmla="*/ 1422724 h 3100540"/>
              <a:gd name="connsiteX8" fmla="*/ 1422725 w 3100541"/>
              <a:gd name="connsiteY8" fmla="*/ 52831 h 3100540"/>
              <a:gd name="connsiteX9" fmla="*/ 1550270 w 3100541"/>
              <a:gd name="connsiteY9" fmla="*/ 0 h 31005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3100541" h="3100540">
                <a:moveTo>
                  <a:pt x="1550270" y="0"/>
                </a:moveTo>
                <a:cubicBezTo>
                  <a:pt x="1596432" y="0"/>
                  <a:pt x="1642594" y="17610"/>
                  <a:pt x="1677815" y="52831"/>
                </a:cubicBezTo>
                <a:lnTo>
                  <a:pt x="3047710" y="1422726"/>
                </a:lnTo>
                <a:cubicBezTo>
                  <a:pt x="3118152" y="1493167"/>
                  <a:pt x="3118152" y="1607375"/>
                  <a:pt x="3047710" y="1677816"/>
                </a:cubicBezTo>
                <a:lnTo>
                  <a:pt x="1677817" y="3047710"/>
                </a:lnTo>
                <a:cubicBezTo>
                  <a:pt x="1607376" y="3118151"/>
                  <a:pt x="1493168" y="3118151"/>
                  <a:pt x="1422727" y="3047710"/>
                </a:cubicBezTo>
                <a:lnTo>
                  <a:pt x="52832" y="1677815"/>
                </a:lnTo>
                <a:cubicBezTo>
                  <a:pt x="-17610" y="1607373"/>
                  <a:pt x="-17610" y="1493166"/>
                  <a:pt x="52832" y="1422724"/>
                </a:cubicBezTo>
                <a:lnTo>
                  <a:pt x="1422725" y="52831"/>
                </a:lnTo>
                <a:cubicBezTo>
                  <a:pt x="1457946" y="17610"/>
                  <a:pt x="1504108" y="0"/>
                  <a:pt x="1550270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 w="50800">
            <a:noFill/>
          </a:ln>
        </p:spPr>
        <p:txBody>
          <a:bodyPr wrap="square" anchor="ctr">
            <a:noAutofit/>
          </a:bodyPr>
          <a:lstStyle>
            <a:lvl1pPr marL="0" indent="0" algn="ctr">
              <a:buNone/>
              <a:defRPr sz="900" baseline="0">
                <a:latin typeface="Arial" pitchFamily="34" charset="0"/>
                <a:cs typeface="Arial" pitchFamily="34" charset="0"/>
              </a:defRPr>
            </a:lvl1pPr>
            <a:lvl2pPr marL="342900" indent="0">
              <a:buNone/>
              <a:defRPr sz="2100"/>
            </a:lvl2pPr>
            <a:lvl3pPr marL="685800" indent="0">
              <a:buNone/>
              <a:defRPr sz="1800"/>
            </a:lvl3pPr>
            <a:lvl4pPr marL="1028700" indent="0">
              <a:buNone/>
              <a:defRPr sz="1500"/>
            </a:lvl4pPr>
            <a:lvl5pPr marL="1371600" indent="0">
              <a:buNone/>
              <a:defRPr sz="1500"/>
            </a:lvl5pPr>
            <a:lvl6pPr marL="1714500" indent="0">
              <a:buNone/>
              <a:defRPr sz="1500"/>
            </a:lvl6pPr>
            <a:lvl7pPr marL="2057400" indent="0">
              <a:buNone/>
              <a:defRPr sz="1500"/>
            </a:lvl7pPr>
            <a:lvl8pPr marL="2400300" indent="0">
              <a:buNone/>
              <a:defRPr sz="1500"/>
            </a:lvl8pPr>
            <a:lvl9pPr marL="2743200" indent="0">
              <a:buNone/>
              <a:defRPr sz="1500"/>
            </a:lvl9pPr>
          </a:lstStyle>
          <a:p>
            <a:r>
              <a:rPr lang="en-US" altLang="ko-KR" dirty="0"/>
              <a:t>Your Picture Here</a:t>
            </a:r>
            <a:endParaRPr lang="ko-KR" altLang="en-US" dirty="0"/>
          </a:p>
        </p:txBody>
      </p:sp>
    </p:spTree>
    <p:extLst>
      <p:ext uri="{BB962C8B-B14F-4D97-AF65-F5344CB8AC3E}">
        <p14:creationId xmlns:p14="http://schemas.microsoft.com/office/powerpoint/2010/main" val="339968359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8_Image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그림 개체 틀 16">
            <a:extLst>
              <a:ext uri="{FF2B5EF4-FFF2-40B4-BE49-F238E27FC236}">
                <a16:creationId xmlns:a16="http://schemas.microsoft.com/office/drawing/2014/main" id="{07163F96-C234-481E-88AF-E4A1C0E9A1DC}"/>
              </a:ext>
            </a:extLst>
          </p:cNvPr>
          <p:cNvSpPr>
            <a:spLocks noGrp="1"/>
          </p:cNvSpPr>
          <p:nvPr>
            <p:ph type="pic" idx="16" hasCustomPrompt="1"/>
          </p:nvPr>
        </p:nvSpPr>
        <p:spPr>
          <a:xfrm>
            <a:off x="423269" y="1"/>
            <a:ext cx="6297149" cy="6460304"/>
          </a:xfrm>
          <a:custGeom>
            <a:avLst/>
            <a:gdLst>
              <a:gd name="connsiteX0" fmla="*/ 1985184 w 8396198"/>
              <a:gd name="connsiteY0" fmla="*/ 5258093 h 6460303"/>
              <a:gd name="connsiteX1" fmla="*/ 1985184 w 8396198"/>
              <a:gd name="connsiteY1" fmla="*/ 5258093 h 6460303"/>
              <a:gd name="connsiteX2" fmla="*/ 1985184 w 8396198"/>
              <a:gd name="connsiteY2" fmla="*/ 5258093 h 6460303"/>
              <a:gd name="connsiteX3" fmla="*/ 7502757 w 8396198"/>
              <a:gd name="connsiteY3" fmla="*/ 0 h 6460303"/>
              <a:gd name="connsiteX4" fmla="*/ 8396198 w 8396198"/>
              <a:gd name="connsiteY4" fmla="*/ 0 h 6460303"/>
              <a:gd name="connsiteX5" fmla="*/ 8388310 w 8396198"/>
              <a:gd name="connsiteY5" fmla="*/ 12898 h 6460303"/>
              <a:gd name="connsiteX6" fmla="*/ 4763857 w 8396198"/>
              <a:gd name="connsiteY6" fmla="*/ 4786769 h 6460303"/>
              <a:gd name="connsiteX7" fmla="*/ 4264272 w 8396198"/>
              <a:gd name="connsiteY7" fmla="*/ 4855144 h 6460303"/>
              <a:gd name="connsiteX8" fmla="*/ 4264273 w 8396198"/>
              <a:gd name="connsiteY8" fmla="*/ 4855143 h 6460303"/>
              <a:gd name="connsiteX9" fmla="*/ 4195899 w 8396198"/>
              <a:gd name="connsiteY9" fmla="*/ 4355559 h 6460303"/>
              <a:gd name="connsiteX10" fmla="*/ 6516179 w 8396198"/>
              <a:gd name="connsiteY10" fmla="*/ 0 h 6460303"/>
              <a:gd name="connsiteX11" fmla="*/ 7411525 w 8396198"/>
              <a:gd name="connsiteY11" fmla="*/ 0 h 6460303"/>
              <a:gd name="connsiteX12" fmla="*/ 2805577 w 8396198"/>
              <a:gd name="connsiteY12" fmla="*/ 6066627 h 6460303"/>
              <a:gd name="connsiteX13" fmla="*/ 2305992 w 8396198"/>
              <a:gd name="connsiteY13" fmla="*/ 6135001 h 6460303"/>
              <a:gd name="connsiteX14" fmla="*/ 2305993 w 8396198"/>
              <a:gd name="connsiteY14" fmla="*/ 6135001 h 6460303"/>
              <a:gd name="connsiteX15" fmla="*/ 2237619 w 8396198"/>
              <a:gd name="connsiteY15" fmla="*/ 5635416 h 6460303"/>
              <a:gd name="connsiteX16" fmla="*/ 5529597 w 8396198"/>
              <a:gd name="connsiteY16" fmla="*/ 0 h 6460303"/>
              <a:gd name="connsiteX17" fmla="*/ 6424943 w 8396198"/>
              <a:gd name="connsiteY17" fmla="*/ 0 h 6460303"/>
              <a:gd name="connsiteX18" fmla="*/ 2484768 w 8396198"/>
              <a:gd name="connsiteY18" fmla="*/ 5189719 h 6460303"/>
              <a:gd name="connsiteX19" fmla="*/ 2046796 w 8396198"/>
              <a:gd name="connsiteY19" fmla="*/ 5295775 h 6460303"/>
              <a:gd name="connsiteX20" fmla="*/ 1985184 w 8396198"/>
              <a:gd name="connsiteY20" fmla="*/ 5258093 h 6460303"/>
              <a:gd name="connsiteX21" fmla="*/ 1932333 w 8396198"/>
              <a:gd name="connsiteY21" fmla="*/ 5208872 h 6460303"/>
              <a:gd name="connsiteX22" fmla="*/ 1916810 w 8396198"/>
              <a:gd name="connsiteY22" fmla="*/ 4758508 h 6460303"/>
              <a:gd name="connsiteX23" fmla="*/ 4543018 w 8396198"/>
              <a:gd name="connsiteY23" fmla="*/ 0 h 6460303"/>
              <a:gd name="connsiteX24" fmla="*/ 5438364 w 8396198"/>
              <a:gd name="connsiteY24" fmla="*/ 0 h 6460303"/>
              <a:gd name="connsiteX25" fmla="*/ 640552 w 8396198"/>
              <a:gd name="connsiteY25" fmla="*/ 6319336 h 6460303"/>
              <a:gd name="connsiteX26" fmla="*/ 140967 w 8396198"/>
              <a:gd name="connsiteY26" fmla="*/ 6387711 h 6460303"/>
              <a:gd name="connsiteX27" fmla="*/ 140968 w 8396198"/>
              <a:gd name="connsiteY27" fmla="*/ 6387711 h 6460303"/>
              <a:gd name="connsiteX28" fmla="*/ 72594 w 8396198"/>
              <a:gd name="connsiteY28" fmla="*/ 5888126 h 6460303"/>
              <a:gd name="connsiteX29" fmla="*/ 3556436 w 8396198"/>
              <a:gd name="connsiteY29" fmla="*/ 0 h 6460303"/>
              <a:gd name="connsiteX30" fmla="*/ 4451782 w 8396198"/>
              <a:gd name="connsiteY30" fmla="*/ 0 h 6460303"/>
              <a:gd name="connsiteX31" fmla="*/ 711634 w 8396198"/>
              <a:gd name="connsiteY31" fmla="*/ 4926258 h 6460303"/>
              <a:gd name="connsiteX32" fmla="*/ 212049 w 8396198"/>
              <a:gd name="connsiteY32" fmla="*/ 4994633 h 6460303"/>
              <a:gd name="connsiteX33" fmla="*/ 212050 w 8396198"/>
              <a:gd name="connsiteY33" fmla="*/ 4994633 h 6460303"/>
              <a:gd name="connsiteX34" fmla="*/ 143675 w 8396198"/>
              <a:gd name="connsiteY34" fmla="*/ 4495047 h 6460303"/>
              <a:gd name="connsiteX35" fmla="*/ 2569856 w 8396198"/>
              <a:gd name="connsiteY35" fmla="*/ 0 h 6460303"/>
              <a:gd name="connsiteX36" fmla="*/ 3465201 w 8396198"/>
              <a:gd name="connsiteY36" fmla="*/ 0 h 6460303"/>
              <a:gd name="connsiteX37" fmla="*/ 1054005 w 8396198"/>
              <a:gd name="connsiteY37" fmla="*/ 3175856 h 6460303"/>
              <a:gd name="connsiteX38" fmla="*/ 554420 w 8396198"/>
              <a:gd name="connsiteY38" fmla="*/ 3244231 h 6460303"/>
              <a:gd name="connsiteX39" fmla="*/ 554421 w 8396198"/>
              <a:gd name="connsiteY39" fmla="*/ 3244231 h 6460303"/>
              <a:gd name="connsiteX40" fmla="*/ 486047 w 8396198"/>
              <a:gd name="connsiteY40" fmla="*/ 2744646 h 6460303"/>
              <a:gd name="connsiteX41" fmla="*/ 1583274 w 8396198"/>
              <a:gd name="connsiteY41" fmla="*/ 0 h 6460303"/>
              <a:gd name="connsiteX42" fmla="*/ 2478619 w 8396198"/>
              <a:gd name="connsiteY42" fmla="*/ 0 h 6460303"/>
              <a:gd name="connsiteX43" fmla="*/ 935829 w 8396198"/>
              <a:gd name="connsiteY43" fmla="*/ 2032053 h 6460303"/>
              <a:gd name="connsiteX44" fmla="*/ 436245 w 8396198"/>
              <a:gd name="connsiteY44" fmla="*/ 2100428 h 6460303"/>
              <a:gd name="connsiteX45" fmla="*/ 436245 w 8396198"/>
              <a:gd name="connsiteY45" fmla="*/ 2100427 h 6460303"/>
              <a:gd name="connsiteX46" fmla="*/ 367872 w 8396198"/>
              <a:gd name="connsiteY46" fmla="*/ 1600843 h 6460303"/>
              <a:gd name="connsiteX47" fmla="*/ 596693 w 8396198"/>
              <a:gd name="connsiteY47" fmla="*/ 0 h 6460303"/>
              <a:gd name="connsiteX48" fmla="*/ 1492038 w 8396198"/>
              <a:gd name="connsiteY48" fmla="*/ 0 h 6460303"/>
              <a:gd name="connsiteX49" fmla="*/ 850966 w 8396198"/>
              <a:gd name="connsiteY49" fmla="*/ 844373 h 6460303"/>
              <a:gd name="connsiteX50" fmla="*/ 351382 w 8396198"/>
              <a:gd name="connsiteY50" fmla="*/ 912748 h 6460303"/>
              <a:gd name="connsiteX51" fmla="*/ 351383 w 8396198"/>
              <a:gd name="connsiteY51" fmla="*/ 912748 h 6460303"/>
              <a:gd name="connsiteX52" fmla="*/ 283008 w 8396198"/>
              <a:gd name="connsiteY52" fmla="*/ 413163 h 646030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</a:cxnLst>
            <a:rect l="l" t="t" r="r" b="b"/>
            <a:pathLst>
              <a:path w="8396198" h="6460303">
                <a:moveTo>
                  <a:pt x="1985184" y="5258093"/>
                </a:moveTo>
                <a:lnTo>
                  <a:pt x="1985184" y="5258093"/>
                </a:lnTo>
                <a:lnTo>
                  <a:pt x="1985184" y="5258093"/>
                </a:lnTo>
                <a:close/>
                <a:moveTo>
                  <a:pt x="7502757" y="0"/>
                </a:moveTo>
                <a:lnTo>
                  <a:pt x="8396198" y="0"/>
                </a:lnTo>
                <a:lnTo>
                  <a:pt x="8388310" y="12898"/>
                </a:lnTo>
                <a:cubicBezTo>
                  <a:pt x="7180160" y="1604189"/>
                  <a:pt x="5972008" y="3195478"/>
                  <a:pt x="4763857" y="4786769"/>
                </a:cubicBezTo>
                <a:cubicBezTo>
                  <a:pt x="4644782" y="4943607"/>
                  <a:pt x="4421110" y="4974220"/>
                  <a:pt x="4264272" y="4855144"/>
                </a:cubicBezTo>
                <a:lnTo>
                  <a:pt x="4264273" y="4855143"/>
                </a:lnTo>
                <a:cubicBezTo>
                  <a:pt x="4107436" y="4736068"/>
                  <a:pt x="4076824" y="4512397"/>
                  <a:pt x="4195899" y="4355559"/>
                </a:cubicBezTo>
                <a:close/>
                <a:moveTo>
                  <a:pt x="6516179" y="0"/>
                </a:moveTo>
                <a:lnTo>
                  <a:pt x="7411525" y="0"/>
                </a:lnTo>
                <a:lnTo>
                  <a:pt x="2805577" y="6066627"/>
                </a:lnTo>
                <a:cubicBezTo>
                  <a:pt x="2686501" y="6223464"/>
                  <a:pt x="2462830" y="6254077"/>
                  <a:pt x="2305992" y="6135001"/>
                </a:cubicBezTo>
                <a:lnTo>
                  <a:pt x="2305993" y="6135001"/>
                </a:lnTo>
                <a:cubicBezTo>
                  <a:pt x="2149155" y="6015926"/>
                  <a:pt x="2118543" y="5792254"/>
                  <a:pt x="2237619" y="5635416"/>
                </a:cubicBezTo>
                <a:close/>
                <a:moveTo>
                  <a:pt x="5529597" y="0"/>
                </a:moveTo>
                <a:lnTo>
                  <a:pt x="6424943" y="0"/>
                </a:lnTo>
                <a:lnTo>
                  <a:pt x="2484768" y="5189719"/>
                </a:lnTo>
                <a:cubicBezTo>
                  <a:pt x="2380577" y="5326952"/>
                  <a:pt x="2196304" y="5367543"/>
                  <a:pt x="2046796" y="5295775"/>
                </a:cubicBezTo>
                <a:lnTo>
                  <a:pt x="1985184" y="5258093"/>
                </a:lnTo>
                <a:lnTo>
                  <a:pt x="1932333" y="5208872"/>
                </a:lnTo>
                <a:cubicBezTo>
                  <a:pt x="1823032" y="5084144"/>
                  <a:pt x="1812619" y="4895741"/>
                  <a:pt x="1916810" y="4758508"/>
                </a:cubicBezTo>
                <a:close/>
                <a:moveTo>
                  <a:pt x="4543018" y="0"/>
                </a:moveTo>
                <a:lnTo>
                  <a:pt x="5438364" y="0"/>
                </a:lnTo>
                <a:lnTo>
                  <a:pt x="640552" y="6319336"/>
                </a:lnTo>
                <a:cubicBezTo>
                  <a:pt x="521476" y="6476174"/>
                  <a:pt x="297805" y="6506786"/>
                  <a:pt x="140967" y="6387711"/>
                </a:cubicBezTo>
                <a:lnTo>
                  <a:pt x="140968" y="6387711"/>
                </a:lnTo>
                <a:cubicBezTo>
                  <a:pt x="-15870" y="6268635"/>
                  <a:pt x="-46482" y="6044964"/>
                  <a:pt x="72594" y="5888126"/>
                </a:cubicBezTo>
                <a:close/>
                <a:moveTo>
                  <a:pt x="3556436" y="0"/>
                </a:moveTo>
                <a:lnTo>
                  <a:pt x="4451782" y="0"/>
                </a:lnTo>
                <a:lnTo>
                  <a:pt x="711634" y="4926258"/>
                </a:lnTo>
                <a:cubicBezTo>
                  <a:pt x="592557" y="5083097"/>
                  <a:pt x="368886" y="5113708"/>
                  <a:pt x="212049" y="4994633"/>
                </a:cubicBezTo>
                <a:lnTo>
                  <a:pt x="212050" y="4994633"/>
                </a:lnTo>
                <a:cubicBezTo>
                  <a:pt x="55212" y="4875558"/>
                  <a:pt x="24599" y="4651886"/>
                  <a:pt x="143675" y="4495047"/>
                </a:cubicBezTo>
                <a:close/>
                <a:moveTo>
                  <a:pt x="2569856" y="0"/>
                </a:moveTo>
                <a:lnTo>
                  <a:pt x="3465201" y="0"/>
                </a:lnTo>
                <a:lnTo>
                  <a:pt x="1054005" y="3175856"/>
                </a:lnTo>
                <a:cubicBezTo>
                  <a:pt x="934929" y="3332694"/>
                  <a:pt x="711258" y="3363306"/>
                  <a:pt x="554420" y="3244231"/>
                </a:cubicBezTo>
                <a:lnTo>
                  <a:pt x="554421" y="3244231"/>
                </a:lnTo>
                <a:cubicBezTo>
                  <a:pt x="397583" y="3125155"/>
                  <a:pt x="366971" y="2901484"/>
                  <a:pt x="486047" y="2744646"/>
                </a:cubicBezTo>
                <a:close/>
                <a:moveTo>
                  <a:pt x="1583274" y="0"/>
                </a:moveTo>
                <a:lnTo>
                  <a:pt x="2478619" y="0"/>
                </a:lnTo>
                <a:lnTo>
                  <a:pt x="935829" y="2032053"/>
                </a:lnTo>
                <a:cubicBezTo>
                  <a:pt x="816754" y="2188891"/>
                  <a:pt x="593082" y="2219503"/>
                  <a:pt x="436245" y="2100428"/>
                </a:cubicBezTo>
                <a:lnTo>
                  <a:pt x="436245" y="2100427"/>
                </a:lnTo>
                <a:cubicBezTo>
                  <a:pt x="279408" y="1981352"/>
                  <a:pt x="248796" y="1757681"/>
                  <a:pt x="367872" y="1600843"/>
                </a:cubicBezTo>
                <a:close/>
                <a:moveTo>
                  <a:pt x="596693" y="0"/>
                </a:moveTo>
                <a:lnTo>
                  <a:pt x="1492038" y="0"/>
                </a:lnTo>
                <a:lnTo>
                  <a:pt x="850966" y="844373"/>
                </a:lnTo>
                <a:cubicBezTo>
                  <a:pt x="731891" y="1001211"/>
                  <a:pt x="508219" y="1031824"/>
                  <a:pt x="351382" y="912748"/>
                </a:cubicBezTo>
                <a:lnTo>
                  <a:pt x="351383" y="912748"/>
                </a:lnTo>
                <a:cubicBezTo>
                  <a:pt x="194545" y="793672"/>
                  <a:pt x="163933" y="570001"/>
                  <a:pt x="283008" y="413163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900">
                <a:latin typeface="Arial" pitchFamily="34" charset="0"/>
                <a:cs typeface="Arial" pitchFamily="34" charset="0"/>
              </a:defRPr>
            </a:lvl1pPr>
            <a:lvl2pPr marL="342892" indent="0">
              <a:buNone/>
              <a:defRPr sz="2100"/>
            </a:lvl2pPr>
            <a:lvl3pPr marL="685783" indent="0">
              <a:buNone/>
              <a:defRPr sz="1800"/>
            </a:lvl3pPr>
            <a:lvl4pPr marL="1028675" indent="0">
              <a:buNone/>
              <a:defRPr sz="1500"/>
            </a:lvl4pPr>
            <a:lvl5pPr marL="1371566" indent="0">
              <a:buNone/>
              <a:defRPr sz="1500"/>
            </a:lvl5pPr>
            <a:lvl6pPr marL="1714457" indent="0">
              <a:buNone/>
              <a:defRPr sz="1500"/>
            </a:lvl6pPr>
            <a:lvl7pPr marL="2057348" indent="0">
              <a:buNone/>
              <a:defRPr sz="1500"/>
            </a:lvl7pPr>
            <a:lvl8pPr marL="2400240" indent="0">
              <a:buNone/>
              <a:defRPr sz="1500"/>
            </a:lvl8pPr>
            <a:lvl9pPr marL="2743132" indent="0">
              <a:buNone/>
              <a:defRPr sz="1500"/>
            </a:lvl9pPr>
          </a:lstStyle>
          <a:p>
            <a:r>
              <a:rPr lang="en-US" altLang="ko-KR" dirty="0"/>
              <a:t>Your Picture Here</a:t>
            </a:r>
            <a:endParaRPr lang="ko-KR" altLang="en-US" dirty="0"/>
          </a:p>
        </p:txBody>
      </p:sp>
    </p:spTree>
    <p:extLst>
      <p:ext uri="{BB962C8B-B14F-4D97-AF65-F5344CB8AC3E}">
        <p14:creationId xmlns:p14="http://schemas.microsoft.com/office/powerpoint/2010/main" val="30753693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699200"/>
            <a:ext cx="7551758" cy="4142800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7975" y="2221200"/>
            <a:ext cx="4025700" cy="3620805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8CDE456A-3D3A-4660-B621-87E808BE7FF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700216"/>
            <a:ext cx="40257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4EB576-C3BD-40C7-A696-33E1091F31D7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005017" y="1700212"/>
            <a:ext cx="352044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1620000"/>
            <a:ext cx="4024700" cy="188428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617000" y="1028246"/>
            <a:ext cx="39123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0" y="1028246"/>
            <a:ext cx="8221499" cy="671967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307800" y="1989138"/>
            <a:ext cx="8221500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4979492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16824" y="1000450"/>
            <a:ext cx="3808024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FC0256C1-93B3-4768-8249-4CDA30556E1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20" name="TextBox 19">
            <a:extLst>
              <a:ext uri="{FF2B5EF4-FFF2-40B4-BE49-F238E27FC236}">
                <a16:creationId xmlns:a16="http://schemas.microsoft.com/office/drawing/2014/main" id="{D3F04E1F-B899-4D8C-B699-8C5E24C7ED69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809172"/>
            <a:ext cx="18765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08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454873" y="809171"/>
            <a:ext cx="18765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178" indent="0" algn="ctr">
              <a:buNone/>
              <a:defRPr sz="2000"/>
            </a:lvl2pPr>
            <a:lvl3pPr marL="914354" indent="0" algn="ctr">
              <a:buNone/>
              <a:defRPr sz="1800"/>
            </a:lvl3pPr>
            <a:lvl4pPr marL="1371532" indent="0" algn="ctr">
              <a:buNone/>
              <a:defRPr sz="1600"/>
            </a:lvl4pPr>
            <a:lvl5pPr marL="1828709" indent="0" algn="ctr">
              <a:buNone/>
              <a:defRPr sz="1600"/>
            </a:lvl5pPr>
            <a:lvl6pPr marL="2285886" indent="0" algn="ctr">
              <a:buNone/>
              <a:defRPr sz="1600"/>
            </a:lvl6pPr>
            <a:lvl7pPr marL="2743062" indent="0" algn="ctr">
              <a:buNone/>
              <a:defRPr sz="1600"/>
            </a:lvl7pPr>
            <a:lvl8pPr marL="3200240" indent="0" algn="ctr">
              <a:buNone/>
              <a:defRPr sz="1600"/>
            </a:lvl8pPr>
            <a:lvl9pPr marL="3657418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548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601372" y="809171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601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747871" y="809172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747874" y="1256278"/>
            <a:ext cx="1876499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emf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307801" y="1028247"/>
            <a:ext cx="8534510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07803" y="3369040"/>
            <a:ext cx="8528929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06-2021</a:t>
            </a:fld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33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06-2021</a:t>
            </a:fld>
            <a:endParaRPr lang="da-DK" sz="133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04E89A2F-569C-4A46-9E9F-69308A735C01}"/>
              </a:ext>
            </a:extLst>
          </p:cNvPr>
          <p:cNvPicPr>
            <a:picLocks noChangeAspect="1"/>
          </p:cNvPicPr>
          <p:nvPr userDrawn="1"/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  <p:sldLayoutId id="2147483693" r:id="rId15"/>
    <p:sldLayoutId id="2147483694" r:id="rId16"/>
    <p:sldLayoutId id="2147483695" r:id="rId17"/>
  </p:sldLayoutIdLst>
  <p:hf hdr="0"/>
  <p:txStyles>
    <p:titleStyle>
      <a:lvl1pPr algn="l" defTabSz="914354" rtl="0" eaLnBrk="1" latinLnBrk="0" hangingPunct="1">
        <a:lnSpc>
          <a:spcPct val="97000"/>
        </a:lnSpc>
        <a:spcBef>
          <a:spcPct val="0"/>
        </a:spcBef>
        <a:buNone/>
        <a:tabLst>
          <a:tab pos="1438203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5962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194" userDrawn="1">
          <p15:clr>
            <a:srgbClr val="F26B43"/>
          </p15:clr>
        </p15:guide>
        <p15:guide id="6" pos="5566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40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6.xml"/><Relationship Id="rId5" Type="http://schemas.openxmlformats.org/officeDocument/2006/relationships/image" Target="../media/image6.jpg"/><Relationship Id="rId4" Type="http://schemas.openxmlformats.org/officeDocument/2006/relationships/image" Target="../media/image5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6.xml"/><Relationship Id="rId5" Type="http://schemas.openxmlformats.org/officeDocument/2006/relationships/image" Target="../media/image6.jpg"/><Relationship Id="rId4" Type="http://schemas.openxmlformats.org/officeDocument/2006/relationships/image" Target="../media/image8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tags" Target="../tags/tag1.xml"/><Relationship Id="rId7" Type="http://schemas.openxmlformats.org/officeDocument/2006/relationships/image" Target="../media/image10.png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6" Type="http://schemas.openxmlformats.org/officeDocument/2006/relationships/image" Target="../media/image9.png"/><Relationship Id="rId5" Type="http://schemas.openxmlformats.org/officeDocument/2006/relationships/notesSlide" Target="../notesSlides/notesSlide4.xml"/><Relationship Id="rId4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5.xml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2.xml"/><Relationship Id="rId4" Type="http://schemas.openxmlformats.org/officeDocument/2006/relationships/image" Target="../media/image9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7.xml"/><Relationship Id="rId1" Type="http://schemas.openxmlformats.org/officeDocument/2006/relationships/tags" Target="../tags/tag3.xml"/><Relationship Id="rId6" Type="http://schemas.openxmlformats.org/officeDocument/2006/relationships/image" Target="../media/image13.png"/><Relationship Id="rId5" Type="http://schemas.openxmlformats.org/officeDocument/2006/relationships/image" Target="../media/image9.png"/><Relationship Id="rId4" Type="http://schemas.openxmlformats.org/officeDocument/2006/relationships/image" Target="../media/image12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7.xml"/><Relationship Id="rId7" Type="http://schemas.openxmlformats.org/officeDocument/2006/relationships/image" Target="../media/image16.svg"/><Relationship Id="rId2" Type="http://schemas.openxmlformats.org/officeDocument/2006/relationships/slideLayout" Target="../slideLayouts/slideLayout17.xml"/><Relationship Id="rId1" Type="http://schemas.openxmlformats.org/officeDocument/2006/relationships/tags" Target="../tags/tag4.xml"/><Relationship Id="rId6" Type="http://schemas.openxmlformats.org/officeDocument/2006/relationships/image" Target="../media/image15.png"/><Relationship Id="rId5" Type="http://schemas.openxmlformats.org/officeDocument/2006/relationships/hyperlink" Target="https://www.sdu.dk/da/om_sdu/dokumentation_tal/internationale+ranglister" TargetMode="External"/><Relationship Id="rId4" Type="http://schemas.openxmlformats.org/officeDocument/2006/relationships/image" Target="../media/image14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3">
            <a:lum/>
          </a:blip>
          <a:srcRect/>
          <a:tile tx="4413250" ty="-742950" sx="95000" sy="95000" flip="none" algn="tr"/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812D7251-4B39-427F-842D-01C8272FFCCA}"/>
              </a:ext>
            </a:extLst>
          </p:cNvPr>
          <p:cNvSpPr/>
          <p:nvPr/>
        </p:nvSpPr>
        <p:spPr>
          <a:xfrm>
            <a:off x="4572000" y="857250"/>
            <a:ext cx="4572000" cy="5143500"/>
          </a:xfrm>
          <a:prstGeom prst="rect">
            <a:avLst/>
          </a:prstGeom>
          <a:solidFill>
            <a:schemeClr val="bg1">
              <a:lumMod val="65000"/>
              <a:alpha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ko-KR" altLang="en-US" sz="1350"/>
          </a:p>
        </p:txBody>
      </p:sp>
      <p:sp>
        <p:nvSpPr>
          <p:cNvPr id="2" name="TextBox 1"/>
          <p:cNvSpPr txBox="1"/>
          <p:nvPr/>
        </p:nvSpPr>
        <p:spPr>
          <a:xfrm>
            <a:off x="285235" y="990588"/>
            <a:ext cx="4272911" cy="861774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r>
              <a:rPr lang="en-US" altLang="ko-KR" sz="3200" dirty="0">
                <a:solidFill>
                  <a:schemeClr val="bg1"/>
                </a:solidFill>
                <a:latin typeface="+mj-lt"/>
                <a:cs typeface="Arial" pitchFamily="34" charset="0"/>
              </a:rPr>
              <a:t>International Ranking</a:t>
            </a:r>
          </a:p>
          <a:p>
            <a:r>
              <a:rPr lang="en-US" altLang="ko-KR" dirty="0">
                <a:solidFill>
                  <a:schemeClr val="bg1"/>
                </a:solidFill>
                <a:latin typeface="+mj-lt"/>
                <a:cs typeface="Arial" pitchFamily="34" charset="0"/>
              </a:rPr>
              <a:t>&amp; </a:t>
            </a:r>
            <a:r>
              <a:rPr lang="en-US" altLang="ko-KR" dirty="0" err="1">
                <a:solidFill>
                  <a:schemeClr val="bg1"/>
                </a:solidFill>
                <a:latin typeface="+mj-lt"/>
                <a:cs typeface="Arial" pitchFamily="34" charset="0"/>
              </a:rPr>
              <a:t>måling</a:t>
            </a:r>
            <a:r>
              <a:rPr lang="en-US" altLang="ko-KR" dirty="0">
                <a:solidFill>
                  <a:schemeClr val="bg1"/>
                </a:solidFill>
                <a:latin typeface="+mj-lt"/>
                <a:cs typeface="Arial" pitchFamily="34" charset="0"/>
              </a:rPr>
              <a:t> </a:t>
            </a:r>
            <a:r>
              <a:rPr lang="en-US" altLang="ko-KR" dirty="0" err="1">
                <a:solidFill>
                  <a:schemeClr val="bg1"/>
                </a:solidFill>
                <a:latin typeface="+mj-lt"/>
                <a:cs typeface="Arial" pitchFamily="34" charset="0"/>
              </a:rPr>
              <a:t>af</a:t>
            </a:r>
            <a:r>
              <a:rPr lang="en-US" altLang="ko-KR" dirty="0">
                <a:solidFill>
                  <a:schemeClr val="bg1"/>
                </a:solidFill>
                <a:latin typeface="+mj-lt"/>
                <a:cs typeface="Arial" pitchFamily="34" charset="0"/>
              </a:rPr>
              <a:t> </a:t>
            </a:r>
            <a:r>
              <a:rPr lang="en-US" altLang="ko-KR" dirty="0" err="1">
                <a:solidFill>
                  <a:schemeClr val="bg1"/>
                </a:solidFill>
                <a:latin typeface="+mj-lt"/>
                <a:cs typeface="Arial" pitchFamily="34" charset="0"/>
              </a:rPr>
              <a:t>uddannelseskvalitet</a:t>
            </a:r>
            <a:endParaRPr lang="ko-KR" altLang="en-US" dirty="0">
              <a:solidFill>
                <a:schemeClr val="bg1"/>
              </a:solidFill>
              <a:latin typeface="+mj-lt"/>
              <a:cs typeface="Arial" pitchFamily="34" charset="0"/>
            </a:endParaRP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8A4B3717-B43B-4563-B085-3715CBD058DC}"/>
              </a:ext>
            </a:extLst>
          </p:cNvPr>
          <p:cNvGrpSpPr/>
          <p:nvPr/>
        </p:nvGrpSpPr>
        <p:grpSpPr>
          <a:xfrm>
            <a:off x="4705932" y="1577290"/>
            <a:ext cx="4278573" cy="507831"/>
            <a:chOff x="5819650" y="1666120"/>
            <a:chExt cx="5704764" cy="677107"/>
          </a:xfrm>
        </p:grpSpPr>
        <p:sp>
          <p:nvSpPr>
            <p:cNvPr id="9" name="TextBox 8"/>
            <p:cNvSpPr txBox="1"/>
            <p:nvPr/>
          </p:nvSpPr>
          <p:spPr>
            <a:xfrm>
              <a:off x="6751978" y="1763579"/>
              <a:ext cx="4772436" cy="492442"/>
            </a:xfrm>
            <a:prstGeom prst="rect">
              <a:avLst/>
            </a:prstGeom>
            <a:noFill/>
          </p:spPr>
          <p:txBody>
            <a:bodyPr wrap="square" lIns="81000" rIns="81000" rtlCol="0">
              <a:spAutoFit/>
            </a:bodyPr>
            <a:lstStyle/>
            <a:p>
              <a:r>
                <a:rPr lang="en-US" altLang="ko-KR" b="1" dirty="0">
                  <a:solidFill>
                    <a:schemeClr val="bg1"/>
                  </a:solidFill>
                  <a:cs typeface="Arial" pitchFamily="34" charset="0"/>
                </a:rPr>
                <a:t>Ranking &amp; </a:t>
              </a:r>
              <a:r>
                <a:rPr lang="en-US" altLang="ko-KR" b="1" dirty="0" err="1">
                  <a:solidFill>
                    <a:schemeClr val="bg1"/>
                  </a:solidFill>
                  <a:cs typeface="Arial" pitchFamily="34" charset="0"/>
                </a:rPr>
                <a:t>uddannelseskvalitet</a:t>
              </a:r>
              <a:endParaRPr lang="ko-KR" altLang="en-US" b="1" dirty="0">
                <a:solidFill>
                  <a:schemeClr val="bg1"/>
                </a:solidFill>
                <a:cs typeface="Arial" pitchFamily="34" charset="0"/>
              </a:endParaRPr>
            </a:p>
          </p:txBody>
        </p:sp>
        <p:sp>
          <p:nvSpPr>
            <p:cNvPr id="7" name="TextBox 6"/>
            <p:cNvSpPr txBox="1"/>
            <p:nvPr/>
          </p:nvSpPr>
          <p:spPr>
            <a:xfrm>
              <a:off x="5819650" y="1666120"/>
              <a:ext cx="958096" cy="677107"/>
            </a:xfrm>
            <a:prstGeom prst="rect">
              <a:avLst/>
            </a:prstGeom>
            <a:noFill/>
          </p:spPr>
          <p:txBody>
            <a:bodyPr wrap="square" lIns="81000" rIns="81000" rtlCol="0">
              <a:spAutoFit/>
            </a:bodyPr>
            <a:lstStyle/>
            <a:p>
              <a:pPr algn="ctr"/>
              <a:r>
                <a:rPr lang="en-US" altLang="ko-KR" sz="2700" b="1" dirty="0">
                  <a:solidFill>
                    <a:schemeClr val="bg1"/>
                  </a:solidFill>
                  <a:cs typeface="Arial" pitchFamily="34" charset="0"/>
                </a:rPr>
                <a:t>01</a:t>
              </a:r>
              <a:endParaRPr lang="ko-KR" altLang="en-US" sz="2700" b="1" dirty="0">
                <a:solidFill>
                  <a:schemeClr val="bg1"/>
                </a:solidFill>
                <a:cs typeface="Arial" pitchFamily="34" charset="0"/>
              </a:endParaRPr>
            </a:p>
          </p:txBody>
        </p: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EECB07EB-5AF0-45CD-B927-EBAF602181D2}"/>
              </a:ext>
            </a:extLst>
          </p:cNvPr>
          <p:cNvGrpSpPr/>
          <p:nvPr/>
        </p:nvGrpSpPr>
        <p:grpSpPr>
          <a:xfrm>
            <a:off x="4702467" y="2603679"/>
            <a:ext cx="4083480" cy="507831"/>
            <a:chOff x="5819650" y="1666120"/>
            <a:chExt cx="5444640" cy="677107"/>
          </a:xfrm>
        </p:grpSpPr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77781492-1FA1-4EE9-87A1-4997D4F01DB5}"/>
                </a:ext>
              </a:extLst>
            </p:cNvPr>
            <p:cNvSpPr txBox="1"/>
            <p:nvPr/>
          </p:nvSpPr>
          <p:spPr>
            <a:xfrm>
              <a:off x="6756598" y="1735368"/>
              <a:ext cx="4507692" cy="492442"/>
            </a:xfrm>
            <a:prstGeom prst="rect">
              <a:avLst/>
            </a:prstGeom>
            <a:noFill/>
          </p:spPr>
          <p:txBody>
            <a:bodyPr wrap="square" lIns="81000" rIns="81000" rtlCol="0">
              <a:spAutoFit/>
            </a:bodyPr>
            <a:lstStyle/>
            <a:p>
              <a:r>
                <a:rPr lang="en-US" altLang="ko-KR" b="1" dirty="0">
                  <a:solidFill>
                    <a:schemeClr val="bg1"/>
                  </a:solidFill>
                  <a:cs typeface="Arial" pitchFamily="34" charset="0"/>
                </a:rPr>
                <a:t>THE Impact Ranking</a:t>
              </a:r>
              <a:endParaRPr lang="ko-KR" altLang="en-US" b="1" dirty="0">
                <a:solidFill>
                  <a:schemeClr val="bg1"/>
                </a:solidFill>
                <a:cs typeface="Arial" pitchFamily="34" charset="0"/>
              </a:endParaRPr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A79AEE55-A06B-4578-BBC8-B650ED0DEABC}"/>
                </a:ext>
              </a:extLst>
            </p:cNvPr>
            <p:cNvSpPr txBox="1"/>
            <p:nvPr/>
          </p:nvSpPr>
          <p:spPr>
            <a:xfrm>
              <a:off x="5819650" y="1666120"/>
              <a:ext cx="958096" cy="677107"/>
            </a:xfrm>
            <a:prstGeom prst="rect">
              <a:avLst/>
            </a:prstGeom>
            <a:noFill/>
          </p:spPr>
          <p:txBody>
            <a:bodyPr wrap="square" lIns="81000" rIns="81000" rtlCol="0">
              <a:spAutoFit/>
            </a:bodyPr>
            <a:lstStyle/>
            <a:p>
              <a:pPr algn="ctr"/>
              <a:r>
                <a:rPr lang="en-US" altLang="ko-KR" sz="2700" b="1" dirty="0">
                  <a:solidFill>
                    <a:schemeClr val="bg1"/>
                  </a:solidFill>
                  <a:cs typeface="Arial" pitchFamily="34" charset="0"/>
                </a:rPr>
                <a:t>02</a:t>
              </a:r>
              <a:endParaRPr lang="ko-KR" altLang="en-US" sz="2700" b="1" dirty="0">
                <a:solidFill>
                  <a:schemeClr val="bg1"/>
                </a:solidFill>
                <a:cs typeface="Arial" pitchFamily="34" charset="0"/>
              </a:endParaRPr>
            </a:p>
          </p:txBody>
        </p:sp>
      </p:grp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E3018A7E-1178-4AC0-88CE-C9EBFE9CE930}"/>
              </a:ext>
            </a:extLst>
          </p:cNvPr>
          <p:cNvSpPr txBox="1">
            <a:spLocks/>
          </p:cNvSpPr>
          <p:nvPr/>
        </p:nvSpPr>
        <p:spPr>
          <a:xfrm>
            <a:off x="7457860" y="34960"/>
            <a:ext cx="1873875" cy="324467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 dirty="0">
                <a:solidFill>
                  <a:schemeClr val="bg1"/>
                </a:solidFill>
              </a:rPr>
              <a:t>#SDUANALYTICS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42ED10B9-4E64-468C-ADEE-10FFA51E414F}"/>
              </a:ext>
            </a:extLst>
          </p:cNvPr>
          <p:cNvSpPr txBox="1"/>
          <p:nvPr/>
        </p:nvSpPr>
        <p:spPr>
          <a:xfrm>
            <a:off x="7022356" y="5729521"/>
            <a:ext cx="2204604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400" dirty="0">
                <a:solidFill>
                  <a:schemeClr val="bg1"/>
                </a:solidFill>
              </a:rPr>
              <a:t>v. Emilie Lemming Müller </a:t>
            </a:r>
          </a:p>
        </p:txBody>
      </p:sp>
      <p:sp>
        <p:nvSpPr>
          <p:cNvPr id="17" name="TextBox 1">
            <a:extLst>
              <a:ext uri="{FF2B5EF4-FFF2-40B4-BE49-F238E27FC236}">
                <a16:creationId xmlns:a16="http://schemas.microsoft.com/office/drawing/2014/main" id="{19D1C48A-73AD-4A3B-BFFE-282BBF720234}"/>
              </a:ext>
            </a:extLst>
          </p:cNvPr>
          <p:cNvSpPr txBox="1"/>
          <p:nvPr/>
        </p:nvSpPr>
        <p:spPr>
          <a:xfrm>
            <a:off x="299089" y="703361"/>
            <a:ext cx="4272911" cy="307777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r>
              <a:rPr lang="en-US" altLang="ko-KR" sz="1400" dirty="0">
                <a:solidFill>
                  <a:schemeClr val="bg1">
                    <a:lumMod val="75000"/>
                  </a:schemeClr>
                </a:solidFill>
                <a:latin typeface="+mj-lt"/>
                <a:cs typeface="Arial" pitchFamily="34" charset="0"/>
              </a:rPr>
              <a:t>Lyn-</a:t>
            </a:r>
            <a:r>
              <a:rPr lang="en-US" altLang="ko-KR" sz="1400" dirty="0" err="1">
                <a:solidFill>
                  <a:schemeClr val="bg1">
                    <a:lumMod val="75000"/>
                  </a:schemeClr>
                </a:solidFill>
                <a:latin typeface="+mj-lt"/>
                <a:cs typeface="Arial" pitchFamily="34" charset="0"/>
              </a:rPr>
              <a:t>introduktion</a:t>
            </a:r>
            <a:endParaRPr lang="ko-KR" altLang="en-US" sz="1000" dirty="0">
              <a:solidFill>
                <a:schemeClr val="bg1">
                  <a:lumMod val="75000"/>
                </a:schemeClr>
              </a:solidFill>
              <a:latin typeface="+mj-lt"/>
              <a:cs typeface="Arial" pitchFamily="34" charset="0"/>
            </a:endParaRPr>
          </a:p>
        </p:txBody>
      </p:sp>
      <p:grpSp>
        <p:nvGrpSpPr>
          <p:cNvPr id="14" name="Group 4">
            <a:extLst>
              <a:ext uri="{FF2B5EF4-FFF2-40B4-BE49-F238E27FC236}">
                <a16:creationId xmlns:a16="http://schemas.microsoft.com/office/drawing/2014/main" id="{9846AD7B-64A7-449D-B4DA-8EFB5BBFF170}"/>
              </a:ext>
            </a:extLst>
          </p:cNvPr>
          <p:cNvGrpSpPr/>
          <p:nvPr/>
        </p:nvGrpSpPr>
        <p:grpSpPr>
          <a:xfrm>
            <a:off x="4702467" y="3630067"/>
            <a:ext cx="4080015" cy="507831"/>
            <a:chOff x="5819650" y="1666120"/>
            <a:chExt cx="5440020" cy="677107"/>
          </a:xfrm>
        </p:grpSpPr>
        <p:sp>
          <p:nvSpPr>
            <p:cNvPr id="18" name="TextBox 8">
              <a:extLst>
                <a:ext uri="{FF2B5EF4-FFF2-40B4-BE49-F238E27FC236}">
                  <a16:creationId xmlns:a16="http://schemas.microsoft.com/office/drawing/2014/main" id="{BD688CC8-4AD3-41AE-8453-A3F2666259CA}"/>
                </a:ext>
              </a:extLst>
            </p:cNvPr>
            <p:cNvSpPr txBox="1"/>
            <p:nvPr/>
          </p:nvSpPr>
          <p:spPr>
            <a:xfrm>
              <a:off x="6751978" y="1763579"/>
              <a:ext cx="4507692" cy="492442"/>
            </a:xfrm>
            <a:prstGeom prst="rect">
              <a:avLst/>
            </a:prstGeom>
            <a:noFill/>
          </p:spPr>
          <p:txBody>
            <a:bodyPr wrap="square" lIns="81000" rIns="81000" rtlCol="0">
              <a:spAutoFit/>
            </a:bodyPr>
            <a:lstStyle/>
            <a:p>
              <a:r>
                <a:rPr lang="en-US" altLang="ko-KR" b="1" dirty="0">
                  <a:solidFill>
                    <a:schemeClr val="bg1"/>
                  </a:solidFill>
                  <a:cs typeface="Arial" pitchFamily="34" charset="0"/>
                </a:rPr>
                <a:t>SDG 4 - </a:t>
              </a:r>
              <a:r>
                <a:rPr lang="en-US" altLang="ko-KR" b="1" dirty="0" err="1">
                  <a:solidFill>
                    <a:schemeClr val="bg1"/>
                  </a:solidFill>
                  <a:cs typeface="Arial" pitchFamily="34" charset="0"/>
                </a:rPr>
                <a:t>kvalitetsuddannelse</a:t>
              </a:r>
              <a:endParaRPr lang="ko-KR" altLang="en-US" b="1" dirty="0">
                <a:solidFill>
                  <a:schemeClr val="bg1"/>
                </a:solidFill>
                <a:cs typeface="Arial" pitchFamily="34" charset="0"/>
              </a:endParaRPr>
            </a:p>
          </p:txBody>
        </p:sp>
        <p:sp>
          <p:nvSpPr>
            <p:cNvPr id="19" name="TextBox 6">
              <a:extLst>
                <a:ext uri="{FF2B5EF4-FFF2-40B4-BE49-F238E27FC236}">
                  <a16:creationId xmlns:a16="http://schemas.microsoft.com/office/drawing/2014/main" id="{C73035C1-AF4B-4E50-AAB4-4FEBC54E8FFE}"/>
                </a:ext>
              </a:extLst>
            </p:cNvPr>
            <p:cNvSpPr txBox="1"/>
            <p:nvPr/>
          </p:nvSpPr>
          <p:spPr>
            <a:xfrm>
              <a:off x="5819650" y="1666120"/>
              <a:ext cx="958096" cy="677107"/>
            </a:xfrm>
            <a:prstGeom prst="rect">
              <a:avLst/>
            </a:prstGeom>
            <a:noFill/>
          </p:spPr>
          <p:txBody>
            <a:bodyPr wrap="square" lIns="81000" rIns="81000" rtlCol="0">
              <a:spAutoFit/>
            </a:bodyPr>
            <a:lstStyle/>
            <a:p>
              <a:pPr algn="ctr"/>
              <a:r>
                <a:rPr lang="en-US" altLang="ko-KR" sz="2700" b="1" dirty="0">
                  <a:solidFill>
                    <a:schemeClr val="bg1"/>
                  </a:solidFill>
                  <a:cs typeface="Arial" pitchFamily="34" charset="0"/>
                </a:rPr>
                <a:t>03</a:t>
              </a:r>
              <a:endParaRPr lang="ko-KR" altLang="en-US" sz="2700" b="1" dirty="0">
                <a:solidFill>
                  <a:schemeClr val="bg1"/>
                </a:solidFill>
                <a:cs typeface="Arial" pitchFamily="34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403338484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Freeform: Shape 17">
            <a:extLst>
              <a:ext uri="{FF2B5EF4-FFF2-40B4-BE49-F238E27FC236}">
                <a16:creationId xmlns:a16="http://schemas.microsoft.com/office/drawing/2014/main" id="{EEA0489F-3BC4-45A9-B327-88C3D4E05B62}"/>
              </a:ext>
            </a:extLst>
          </p:cNvPr>
          <p:cNvSpPr/>
          <p:nvPr/>
        </p:nvSpPr>
        <p:spPr>
          <a:xfrm>
            <a:off x="4405516" y="2681377"/>
            <a:ext cx="1512950" cy="1512950"/>
          </a:xfrm>
          <a:custGeom>
            <a:avLst/>
            <a:gdLst>
              <a:gd name="connsiteX0" fmla="*/ 1008633 w 2017267"/>
              <a:gd name="connsiteY0" fmla="*/ 0 h 2017267"/>
              <a:gd name="connsiteX1" fmla="*/ 1091617 w 2017267"/>
              <a:gd name="connsiteY1" fmla="*/ 34373 h 2017267"/>
              <a:gd name="connsiteX2" fmla="*/ 1982894 w 2017267"/>
              <a:gd name="connsiteY2" fmla="*/ 925651 h 2017267"/>
              <a:gd name="connsiteX3" fmla="*/ 1982894 w 2017267"/>
              <a:gd name="connsiteY3" fmla="*/ 1091617 h 2017267"/>
              <a:gd name="connsiteX4" fmla="*/ 1091617 w 2017267"/>
              <a:gd name="connsiteY4" fmla="*/ 1982894 h 2017267"/>
              <a:gd name="connsiteX5" fmla="*/ 925651 w 2017267"/>
              <a:gd name="connsiteY5" fmla="*/ 1982894 h 2017267"/>
              <a:gd name="connsiteX6" fmla="*/ 34373 w 2017267"/>
              <a:gd name="connsiteY6" fmla="*/ 1091616 h 2017267"/>
              <a:gd name="connsiteX7" fmla="*/ 34373 w 2017267"/>
              <a:gd name="connsiteY7" fmla="*/ 925650 h 2017267"/>
              <a:gd name="connsiteX8" fmla="*/ 925650 w 2017267"/>
              <a:gd name="connsiteY8" fmla="*/ 34373 h 2017267"/>
              <a:gd name="connsiteX9" fmla="*/ 1008633 w 2017267"/>
              <a:gd name="connsiteY9" fmla="*/ 0 h 20172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017267" h="2017267">
                <a:moveTo>
                  <a:pt x="1008633" y="0"/>
                </a:moveTo>
                <a:cubicBezTo>
                  <a:pt x="1038667" y="0"/>
                  <a:pt x="1068701" y="11457"/>
                  <a:pt x="1091617" y="34373"/>
                </a:cubicBezTo>
                <a:lnTo>
                  <a:pt x="1982894" y="925651"/>
                </a:lnTo>
                <a:cubicBezTo>
                  <a:pt x="2028725" y="971481"/>
                  <a:pt x="2028725" y="1045787"/>
                  <a:pt x="1982894" y="1091617"/>
                </a:cubicBezTo>
                <a:lnTo>
                  <a:pt x="1091617" y="1982894"/>
                </a:lnTo>
                <a:cubicBezTo>
                  <a:pt x="1045787" y="2028725"/>
                  <a:pt x="971481" y="2028725"/>
                  <a:pt x="925651" y="1982894"/>
                </a:cubicBezTo>
                <a:lnTo>
                  <a:pt x="34373" y="1091616"/>
                </a:lnTo>
                <a:cubicBezTo>
                  <a:pt x="-11457" y="1045786"/>
                  <a:pt x="-11457" y="971481"/>
                  <a:pt x="34373" y="925650"/>
                </a:cubicBezTo>
                <a:lnTo>
                  <a:pt x="925650" y="34373"/>
                </a:lnTo>
                <a:cubicBezTo>
                  <a:pt x="948565" y="11457"/>
                  <a:pt x="978599" y="0"/>
                  <a:pt x="1008633" y="0"/>
                </a:cubicBezTo>
                <a:close/>
              </a:path>
            </a:pathLst>
          </a:cu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0"/>
          </a:p>
        </p:txBody>
      </p:sp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9C1B2E21-ED64-40A7-986F-1BA014711AE7}"/>
              </a:ext>
            </a:extLst>
          </p:cNvPr>
          <p:cNvSpPr/>
          <p:nvPr/>
        </p:nvSpPr>
        <p:spPr>
          <a:xfrm rot="16200000" flipH="1">
            <a:off x="5806593" y="4859907"/>
            <a:ext cx="569845" cy="345709"/>
          </a:xfrm>
          <a:custGeom>
            <a:avLst/>
            <a:gdLst>
              <a:gd name="connsiteX0" fmla="*/ 782320 w 1075004"/>
              <a:gd name="connsiteY0" fmla="*/ 253920 h 652174"/>
              <a:gd name="connsiteX1" fmla="*/ 763875 w 1075004"/>
              <a:gd name="connsiteY1" fmla="*/ 269397 h 652174"/>
              <a:gd name="connsiteX2" fmla="*/ 421371 w 1075004"/>
              <a:gd name="connsiteY2" fmla="*/ 239432 h 652174"/>
              <a:gd name="connsiteX3" fmla="*/ 421370 w 1075004"/>
              <a:gd name="connsiteY3" fmla="*/ 253855 h 652174"/>
              <a:gd name="connsiteX4" fmla="*/ 447078 w 1075004"/>
              <a:gd name="connsiteY4" fmla="*/ 253855 h 652174"/>
              <a:gd name="connsiteX5" fmla="*/ 464104 w 1075004"/>
              <a:gd name="connsiteY5" fmla="*/ 270881 h 652174"/>
              <a:gd name="connsiteX6" fmla="*/ 464104 w 1075004"/>
              <a:gd name="connsiteY6" fmla="*/ 270880 h 652174"/>
              <a:gd name="connsiteX7" fmla="*/ 447079 w 1075004"/>
              <a:gd name="connsiteY7" fmla="*/ 287906 h 652174"/>
              <a:gd name="connsiteX8" fmla="*/ 421371 w 1075004"/>
              <a:gd name="connsiteY8" fmla="*/ 287906 h 652174"/>
              <a:gd name="connsiteX9" fmla="*/ 421371 w 1075004"/>
              <a:gd name="connsiteY9" fmla="*/ 311228 h 652174"/>
              <a:gd name="connsiteX10" fmla="*/ 447078 w 1075004"/>
              <a:gd name="connsiteY10" fmla="*/ 311228 h 652174"/>
              <a:gd name="connsiteX11" fmla="*/ 464104 w 1075004"/>
              <a:gd name="connsiteY11" fmla="*/ 328254 h 652174"/>
              <a:gd name="connsiteX12" fmla="*/ 464104 w 1075004"/>
              <a:gd name="connsiteY12" fmla="*/ 328254 h 652174"/>
              <a:gd name="connsiteX13" fmla="*/ 447079 w 1075004"/>
              <a:gd name="connsiteY13" fmla="*/ 345279 h 652174"/>
              <a:gd name="connsiteX14" fmla="*/ 421371 w 1075004"/>
              <a:gd name="connsiteY14" fmla="*/ 345280 h 652174"/>
              <a:gd name="connsiteX15" fmla="*/ 421371 w 1075004"/>
              <a:gd name="connsiteY15" fmla="*/ 368602 h 652174"/>
              <a:gd name="connsiteX16" fmla="*/ 447078 w 1075004"/>
              <a:gd name="connsiteY16" fmla="*/ 368602 h 652174"/>
              <a:gd name="connsiteX17" fmla="*/ 464104 w 1075004"/>
              <a:gd name="connsiteY17" fmla="*/ 385628 h 652174"/>
              <a:gd name="connsiteX18" fmla="*/ 464104 w 1075004"/>
              <a:gd name="connsiteY18" fmla="*/ 385628 h 652174"/>
              <a:gd name="connsiteX19" fmla="*/ 447079 w 1075004"/>
              <a:gd name="connsiteY19" fmla="*/ 402653 h 652174"/>
              <a:gd name="connsiteX20" fmla="*/ 421371 w 1075004"/>
              <a:gd name="connsiteY20" fmla="*/ 402653 h 652174"/>
              <a:gd name="connsiteX21" fmla="*/ 421370 w 1075004"/>
              <a:gd name="connsiteY21" fmla="*/ 417163 h 652174"/>
              <a:gd name="connsiteX22" fmla="*/ 762268 w 1075004"/>
              <a:gd name="connsiteY22" fmla="*/ 381333 h 652174"/>
              <a:gd name="connsiteX23" fmla="*/ 780980 w 1075004"/>
              <a:gd name="connsiteY23" fmla="*/ 396486 h 652174"/>
              <a:gd name="connsiteX24" fmla="*/ 765828 w 1075004"/>
              <a:gd name="connsiteY24" fmla="*/ 415198 h 652174"/>
              <a:gd name="connsiteX25" fmla="*/ 415893 w 1075004"/>
              <a:gd name="connsiteY25" fmla="*/ 451978 h 652174"/>
              <a:gd name="connsiteX26" fmla="*/ 397181 w 1075004"/>
              <a:gd name="connsiteY26" fmla="*/ 436825 h 652174"/>
              <a:gd name="connsiteX27" fmla="*/ 398889 w 1075004"/>
              <a:gd name="connsiteY27" fmla="*/ 431061 h 652174"/>
              <a:gd name="connsiteX28" fmla="*/ 398669 w 1075004"/>
              <a:gd name="connsiteY28" fmla="*/ 430531 h 652174"/>
              <a:gd name="connsiteX29" fmla="*/ 398669 w 1075004"/>
              <a:gd name="connsiteY29" fmla="*/ 402653 h 652174"/>
              <a:gd name="connsiteX30" fmla="*/ 372962 w 1075004"/>
              <a:gd name="connsiteY30" fmla="*/ 402654 h 652174"/>
              <a:gd name="connsiteX31" fmla="*/ 355936 w 1075004"/>
              <a:gd name="connsiteY31" fmla="*/ 385628 h 652174"/>
              <a:gd name="connsiteX32" fmla="*/ 372962 w 1075004"/>
              <a:gd name="connsiteY32" fmla="*/ 368602 h 652174"/>
              <a:gd name="connsiteX33" fmla="*/ 398669 w 1075004"/>
              <a:gd name="connsiteY33" fmla="*/ 368602 h 652174"/>
              <a:gd name="connsiteX34" fmla="*/ 398670 w 1075004"/>
              <a:gd name="connsiteY34" fmla="*/ 345280 h 652174"/>
              <a:gd name="connsiteX35" fmla="*/ 372962 w 1075004"/>
              <a:gd name="connsiteY35" fmla="*/ 345280 h 652174"/>
              <a:gd name="connsiteX36" fmla="*/ 355936 w 1075004"/>
              <a:gd name="connsiteY36" fmla="*/ 328254 h 652174"/>
              <a:gd name="connsiteX37" fmla="*/ 372962 w 1075004"/>
              <a:gd name="connsiteY37" fmla="*/ 311229 h 652174"/>
              <a:gd name="connsiteX38" fmla="*/ 398669 w 1075004"/>
              <a:gd name="connsiteY38" fmla="*/ 311228 h 652174"/>
              <a:gd name="connsiteX39" fmla="*/ 398669 w 1075004"/>
              <a:gd name="connsiteY39" fmla="*/ 287906 h 652174"/>
              <a:gd name="connsiteX40" fmla="*/ 372962 w 1075004"/>
              <a:gd name="connsiteY40" fmla="*/ 287906 h 652174"/>
              <a:gd name="connsiteX41" fmla="*/ 355936 w 1075004"/>
              <a:gd name="connsiteY41" fmla="*/ 270881 h 652174"/>
              <a:gd name="connsiteX42" fmla="*/ 372962 w 1075004"/>
              <a:gd name="connsiteY42" fmla="*/ 253855 h 652174"/>
              <a:gd name="connsiteX43" fmla="*/ 398670 w 1075004"/>
              <a:gd name="connsiteY43" fmla="*/ 253855 h 652174"/>
              <a:gd name="connsiteX44" fmla="*/ 398670 w 1075004"/>
              <a:gd name="connsiteY44" fmla="*/ 226225 h 652174"/>
              <a:gd name="connsiteX45" fmla="*/ 399282 w 1075004"/>
              <a:gd name="connsiteY45" fmla="*/ 224746 h 652174"/>
              <a:gd name="connsiteX46" fmla="*/ 397876 w 1075004"/>
              <a:gd name="connsiteY46" fmla="*/ 220286 h 652174"/>
              <a:gd name="connsiteX47" fmla="*/ 416321 w 1075004"/>
              <a:gd name="connsiteY47" fmla="*/ 204808 h 652174"/>
              <a:gd name="connsiteX48" fmla="*/ 766843 w 1075004"/>
              <a:gd name="connsiteY48" fmla="*/ 235475 h 652174"/>
              <a:gd name="connsiteX49" fmla="*/ 782320 w 1075004"/>
              <a:gd name="connsiteY49" fmla="*/ 253920 h 652174"/>
              <a:gd name="connsiteX50" fmla="*/ 787242 w 1075004"/>
              <a:gd name="connsiteY50" fmla="*/ 326088 h 652174"/>
              <a:gd name="connsiteX51" fmla="*/ 785600 w 1075004"/>
              <a:gd name="connsiteY51" fmla="*/ 324446 h 652174"/>
              <a:gd name="connsiteX52" fmla="*/ 785600 w 1075004"/>
              <a:gd name="connsiteY52" fmla="*/ 237208 h 652174"/>
              <a:gd name="connsiteX53" fmla="*/ 722116 w 1075004"/>
              <a:gd name="connsiteY53" fmla="*/ 173723 h 652174"/>
              <a:gd name="connsiteX54" fmla="*/ 634876 w 1075004"/>
              <a:gd name="connsiteY54" fmla="*/ 173723 h 652174"/>
              <a:gd name="connsiteX55" fmla="*/ 556664 w 1075004"/>
              <a:gd name="connsiteY55" fmla="*/ 95510 h 652174"/>
              <a:gd name="connsiteX56" fmla="*/ 95508 w 1075004"/>
              <a:gd name="connsiteY56" fmla="*/ 95510 h 652174"/>
              <a:gd name="connsiteX57" fmla="*/ 0 w 1075004"/>
              <a:gd name="connsiteY57" fmla="*/ 326088 h 652174"/>
              <a:gd name="connsiteX58" fmla="*/ 95508 w 1075004"/>
              <a:gd name="connsiteY58" fmla="*/ 556666 h 652174"/>
              <a:gd name="connsiteX59" fmla="*/ 556665 w 1075004"/>
              <a:gd name="connsiteY59" fmla="*/ 556666 h 652174"/>
              <a:gd name="connsiteX60" fmla="*/ 634877 w 1075004"/>
              <a:gd name="connsiteY60" fmla="*/ 478453 h 652174"/>
              <a:gd name="connsiteX61" fmla="*/ 722116 w 1075004"/>
              <a:gd name="connsiteY61" fmla="*/ 478454 h 652174"/>
              <a:gd name="connsiteX62" fmla="*/ 785600 w 1075004"/>
              <a:gd name="connsiteY62" fmla="*/ 414969 h 652174"/>
              <a:gd name="connsiteX63" fmla="*/ 785600 w 1075004"/>
              <a:gd name="connsiteY63" fmla="*/ 327730 h 652174"/>
              <a:gd name="connsiteX64" fmla="*/ 893383 w 1075004"/>
              <a:gd name="connsiteY64" fmla="*/ 437431 h 652174"/>
              <a:gd name="connsiteX65" fmla="*/ 893383 w 1075004"/>
              <a:gd name="connsiteY65" fmla="*/ 214744 h 652174"/>
              <a:gd name="connsiteX66" fmla="*/ 864082 w 1075004"/>
              <a:gd name="connsiteY66" fmla="*/ 185443 h 652174"/>
              <a:gd name="connsiteX67" fmla="*/ 834781 w 1075004"/>
              <a:gd name="connsiteY67" fmla="*/ 214744 h 652174"/>
              <a:gd name="connsiteX68" fmla="*/ 834781 w 1075004"/>
              <a:gd name="connsiteY68" fmla="*/ 437432 h 652174"/>
              <a:gd name="connsiteX69" fmla="*/ 864082 w 1075004"/>
              <a:gd name="connsiteY69" fmla="*/ 466733 h 652174"/>
              <a:gd name="connsiteX70" fmla="*/ 864082 w 1075004"/>
              <a:gd name="connsiteY70" fmla="*/ 466732 h 652174"/>
              <a:gd name="connsiteX71" fmla="*/ 893383 w 1075004"/>
              <a:gd name="connsiteY71" fmla="*/ 437431 h 652174"/>
              <a:gd name="connsiteX72" fmla="*/ 984194 w 1075004"/>
              <a:gd name="connsiteY72" fmla="*/ 425711 h 652174"/>
              <a:gd name="connsiteX73" fmla="*/ 984193 w 1075004"/>
              <a:gd name="connsiteY73" fmla="*/ 226464 h 652174"/>
              <a:gd name="connsiteX74" fmla="*/ 954893 w 1075004"/>
              <a:gd name="connsiteY74" fmla="*/ 197163 h 652174"/>
              <a:gd name="connsiteX75" fmla="*/ 925591 w 1075004"/>
              <a:gd name="connsiteY75" fmla="*/ 226464 h 652174"/>
              <a:gd name="connsiteX76" fmla="*/ 925591 w 1075004"/>
              <a:gd name="connsiteY76" fmla="*/ 425711 h 652174"/>
              <a:gd name="connsiteX77" fmla="*/ 954893 w 1075004"/>
              <a:gd name="connsiteY77" fmla="*/ 455012 h 652174"/>
              <a:gd name="connsiteX78" fmla="*/ 954893 w 1075004"/>
              <a:gd name="connsiteY78" fmla="*/ 455012 h 652174"/>
              <a:gd name="connsiteX79" fmla="*/ 984194 w 1075004"/>
              <a:gd name="connsiteY79" fmla="*/ 425711 h 652174"/>
              <a:gd name="connsiteX80" fmla="*/ 1075004 w 1075004"/>
              <a:gd name="connsiteY80" fmla="*/ 402269 h 652174"/>
              <a:gd name="connsiteX81" fmla="*/ 1075004 w 1075004"/>
              <a:gd name="connsiteY81" fmla="*/ 249905 h 652174"/>
              <a:gd name="connsiteX82" fmla="*/ 1045703 w 1075004"/>
              <a:gd name="connsiteY82" fmla="*/ 220604 h 652174"/>
              <a:gd name="connsiteX83" fmla="*/ 1016402 w 1075004"/>
              <a:gd name="connsiteY83" fmla="*/ 249905 h 652174"/>
              <a:gd name="connsiteX84" fmla="*/ 1016402 w 1075004"/>
              <a:gd name="connsiteY84" fmla="*/ 402270 h 652174"/>
              <a:gd name="connsiteX85" fmla="*/ 1045703 w 1075004"/>
              <a:gd name="connsiteY85" fmla="*/ 431571 h 652174"/>
              <a:gd name="connsiteX86" fmla="*/ 1045703 w 1075004"/>
              <a:gd name="connsiteY86" fmla="*/ 431571 h 652174"/>
              <a:gd name="connsiteX87" fmla="*/ 1075004 w 1075004"/>
              <a:gd name="connsiteY87" fmla="*/ 402269 h 6521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</a:cxnLst>
            <a:rect l="l" t="t" r="r" b="b"/>
            <a:pathLst>
              <a:path w="1075004" h="652174">
                <a:moveTo>
                  <a:pt x="782320" y="253920"/>
                </a:moveTo>
                <a:cubicBezTo>
                  <a:pt x="781500" y="263287"/>
                  <a:pt x="773242" y="270216"/>
                  <a:pt x="763875" y="269397"/>
                </a:cubicBezTo>
                <a:cubicBezTo>
                  <a:pt x="649707" y="259409"/>
                  <a:pt x="535539" y="249421"/>
                  <a:pt x="421371" y="239432"/>
                </a:cubicBezTo>
                <a:lnTo>
                  <a:pt x="421370" y="253855"/>
                </a:lnTo>
                <a:lnTo>
                  <a:pt x="447078" y="253855"/>
                </a:lnTo>
                <a:cubicBezTo>
                  <a:pt x="456482" y="253854"/>
                  <a:pt x="464104" y="261477"/>
                  <a:pt x="464104" y="270881"/>
                </a:cubicBezTo>
                <a:lnTo>
                  <a:pt x="464104" y="270880"/>
                </a:lnTo>
                <a:cubicBezTo>
                  <a:pt x="464104" y="280283"/>
                  <a:pt x="456482" y="287906"/>
                  <a:pt x="447079" y="287906"/>
                </a:cubicBezTo>
                <a:cubicBezTo>
                  <a:pt x="438509" y="287906"/>
                  <a:pt x="429940" y="287905"/>
                  <a:pt x="421371" y="287906"/>
                </a:cubicBezTo>
                <a:lnTo>
                  <a:pt x="421371" y="311228"/>
                </a:lnTo>
                <a:lnTo>
                  <a:pt x="447078" y="311228"/>
                </a:lnTo>
                <a:cubicBezTo>
                  <a:pt x="456482" y="311228"/>
                  <a:pt x="464104" y="318851"/>
                  <a:pt x="464104" y="328254"/>
                </a:cubicBezTo>
                <a:lnTo>
                  <a:pt x="464104" y="328254"/>
                </a:lnTo>
                <a:cubicBezTo>
                  <a:pt x="464104" y="337656"/>
                  <a:pt x="456482" y="345279"/>
                  <a:pt x="447079" y="345279"/>
                </a:cubicBezTo>
                <a:cubicBezTo>
                  <a:pt x="438510" y="345279"/>
                  <a:pt x="429940" y="345279"/>
                  <a:pt x="421371" y="345280"/>
                </a:cubicBezTo>
                <a:lnTo>
                  <a:pt x="421371" y="368602"/>
                </a:lnTo>
                <a:lnTo>
                  <a:pt x="447078" y="368602"/>
                </a:lnTo>
                <a:cubicBezTo>
                  <a:pt x="456482" y="368602"/>
                  <a:pt x="464104" y="376224"/>
                  <a:pt x="464104" y="385628"/>
                </a:cubicBezTo>
                <a:lnTo>
                  <a:pt x="464104" y="385628"/>
                </a:lnTo>
                <a:cubicBezTo>
                  <a:pt x="464104" y="395031"/>
                  <a:pt x="456481" y="402653"/>
                  <a:pt x="447079" y="402653"/>
                </a:cubicBezTo>
                <a:cubicBezTo>
                  <a:pt x="438509" y="402653"/>
                  <a:pt x="429940" y="402653"/>
                  <a:pt x="421371" y="402653"/>
                </a:cubicBezTo>
                <a:lnTo>
                  <a:pt x="421370" y="417163"/>
                </a:lnTo>
                <a:lnTo>
                  <a:pt x="762268" y="381333"/>
                </a:lnTo>
                <a:cubicBezTo>
                  <a:pt x="771619" y="380351"/>
                  <a:pt x="779997" y="387135"/>
                  <a:pt x="780980" y="396486"/>
                </a:cubicBezTo>
                <a:cubicBezTo>
                  <a:pt x="781963" y="405838"/>
                  <a:pt x="775179" y="414215"/>
                  <a:pt x="765828" y="415198"/>
                </a:cubicBezTo>
                <a:cubicBezTo>
                  <a:pt x="649182" y="427458"/>
                  <a:pt x="532538" y="439719"/>
                  <a:pt x="415893" y="451978"/>
                </a:cubicBezTo>
                <a:cubicBezTo>
                  <a:pt x="406541" y="452961"/>
                  <a:pt x="398164" y="446177"/>
                  <a:pt x="397181" y="436825"/>
                </a:cubicBezTo>
                <a:cubicBezTo>
                  <a:pt x="396959" y="434721"/>
                  <a:pt x="397132" y="432666"/>
                  <a:pt x="398889" y="431061"/>
                </a:cubicBezTo>
                <a:lnTo>
                  <a:pt x="398669" y="430531"/>
                </a:lnTo>
                <a:lnTo>
                  <a:pt x="398669" y="402653"/>
                </a:lnTo>
                <a:lnTo>
                  <a:pt x="372962" y="402654"/>
                </a:lnTo>
                <a:cubicBezTo>
                  <a:pt x="363559" y="402654"/>
                  <a:pt x="355936" y="395032"/>
                  <a:pt x="355936" y="385628"/>
                </a:cubicBezTo>
                <a:cubicBezTo>
                  <a:pt x="355936" y="376225"/>
                  <a:pt x="363559" y="368602"/>
                  <a:pt x="372962" y="368602"/>
                </a:cubicBezTo>
                <a:lnTo>
                  <a:pt x="398669" y="368602"/>
                </a:lnTo>
                <a:lnTo>
                  <a:pt x="398670" y="345280"/>
                </a:lnTo>
                <a:lnTo>
                  <a:pt x="372962" y="345280"/>
                </a:lnTo>
                <a:cubicBezTo>
                  <a:pt x="363559" y="345279"/>
                  <a:pt x="355937" y="337657"/>
                  <a:pt x="355936" y="328254"/>
                </a:cubicBezTo>
                <a:cubicBezTo>
                  <a:pt x="355937" y="318851"/>
                  <a:pt x="363559" y="311228"/>
                  <a:pt x="372962" y="311229"/>
                </a:cubicBezTo>
                <a:lnTo>
                  <a:pt x="398669" y="311228"/>
                </a:lnTo>
                <a:lnTo>
                  <a:pt x="398669" y="287906"/>
                </a:lnTo>
                <a:lnTo>
                  <a:pt x="372962" y="287906"/>
                </a:lnTo>
                <a:cubicBezTo>
                  <a:pt x="363559" y="287906"/>
                  <a:pt x="355936" y="280284"/>
                  <a:pt x="355936" y="270881"/>
                </a:cubicBezTo>
                <a:cubicBezTo>
                  <a:pt x="355936" y="261477"/>
                  <a:pt x="363559" y="253855"/>
                  <a:pt x="372962" y="253855"/>
                </a:cubicBezTo>
                <a:lnTo>
                  <a:pt x="398670" y="253855"/>
                </a:lnTo>
                <a:lnTo>
                  <a:pt x="398670" y="226225"/>
                </a:lnTo>
                <a:cubicBezTo>
                  <a:pt x="398670" y="225700"/>
                  <a:pt x="398705" y="225183"/>
                  <a:pt x="399282" y="224746"/>
                </a:cubicBezTo>
                <a:lnTo>
                  <a:pt x="397876" y="220286"/>
                </a:lnTo>
                <a:cubicBezTo>
                  <a:pt x="398695" y="210918"/>
                  <a:pt x="406953" y="203989"/>
                  <a:pt x="416321" y="204808"/>
                </a:cubicBezTo>
                <a:lnTo>
                  <a:pt x="766843" y="235475"/>
                </a:lnTo>
                <a:cubicBezTo>
                  <a:pt x="776210" y="236295"/>
                  <a:pt x="783140" y="244552"/>
                  <a:pt x="782320" y="253920"/>
                </a:cubicBezTo>
                <a:close/>
                <a:moveTo>
                  <a:pt x="787242" y="326088"/>
                </a:moveTo>
                <a:lnTo>
                  <a:pt x="785600" y="324446"/>
                </a:lnTo>
                <a:lnTo>
                  <a:pt x="785600" y="237208"/>
                </a:lnTo>
                <a:cubicBezTo>
                  <a:pt x="785600" y="202146"/>
                  <a:pt x="757177" y="173723"/>
                  <a:pt x="722116" y="173723"/>
                </a:cubicBezTo>
                <a:lnTo>
                  <a:pt x="634876" y="173723"/>
                </a:lnTo>
                <a:cubicBezTo>
                  <a:pt x="608806" y="147652"/>
                  <a:pt x="582735" y="121580"/>
                  <a:pt x="556664" y="95510"/>
                </a:cubicBezTo>
                <a:cubicBezTo>
                  <a:pt x="429319" y="-31836"/>
                  <a:pt x="222853" y="-31835"/>
                  <a:pt x="95508" y="95510"/>
                </a:cubicBezTo>
                <a:cubicBezTo>
                  <a:pt x="31836" y="159182"/>
                  <a:pt x="0" y="242635"/>
                  <a:pt x="0" y="326088"/>
                </a:cubicBezTo>
                <a:cubicBezTo>
                  <a:pt x="0" y="409541"/>
                  <a:pt x="31836" y="492993"/>
                  <a:pt x="95508" y="556666"/>
                </a:cubicBezTo>
                <a:cubicBezTo>
                  <a:pt x="222853" y="684011"/>
                  <a:pt x="429320" y="684011"/>
                  <a:pt x="556665" y="556666"/>
                </a:cubicBezTo>
                <a:lnTo>
                  <a:pt x="634877" y="478453"/>
                </a:lnTo>
                <a:lnTo>
                  <a:pt x="722116" y="478454"/>
                </a:lnTo>
                <a:cubicBezTo>
                  <a:pt x="757178" y="478453"/>
                  <a:pt x="785600" y="450030"/>
                  <a:pt x="785600" y="414969"/>
                </a:cubicBezTo>
                <a:lnTo>
                  <a:pt x="785600" y="327730"/>
                </a:lnTo>
                <a:close/>
                <a:moveTo>
                  <a:pt x="893383" y="437431"/>
                </a:moveTo>
                <a:lnTo>
                  <a:pt x="893383" y="214744"/>
                </a:lnTo>
                <a:cubicBezTo>
                  <a:pt x="893383" y="198562"/>
                  <a:pt x="880265" y="185443"/>
                  <a:pt x="864082" y="185443"/>
                </a:cubicBezTo>
                <a:cubicBezTo>
                  <a:pt x="847900" y="185443"/>
                  <a:pt x="834781" y="198562"/>
                  <a:pt x="834781" y="214744"/>
                </a:cubicBezTo>
                <a:lnTo>
                  <a:pt x="834781" y="437432"/>
                </a:lnTo>
                <a:cubicBezTo>
                  <a:pt x="834781" y="453614"/>
                  <a:pt x="847900" y="466733"/>
                  <a:pt x="864082" y="466733"/>
                </a:cubicBezTo>
                <a:lnTo>
                  <a:pt x="864082" y="466732"/>
                </a:lnTo>
                <a:cubicBezTo>
                  <a:pt x="880265" y="466732"/>
                  <a:pt x="893383" y="453614"/>
                  <a:pt x="893383" y="437431"/>
                </a:cubicBezTo>
                <a:close/>
                <a:moveTo>
                  <a:pt x="984194" y="425711"/>
                </a:moveTo>
                <a:lnTo>
                  <a:pt x="984193" y="226464"/>
                </a:lnTo>
                <a:cubicBezTo>
                  <a:pt x="984193" y="210282"/>
                  <a:pt x="971075" y="197164"/>
                  <a:pt x="954893" y="197163"/>
                </a:cubicBezTo>
                <a:cubicBezTo>
                  <a:pt x="938710" y="197164"/>
                  <a:pt x="925591" y="210282"/>
                  <a:pt x="925591" y="226464"/>
                </a:cubicBezTo>
                <a:lnTo>
                  <a:pt x="925591" y="425711"/>
                </a:lnTo>
                <a:cubicBezTo>
                  <a:pt x="925591" y="441894"/>
                  <a:pt x="938710" y="455012"/>
                  <a:pt x="954893" y="455012"/>
                </a:cubicBezTo>
                <a:lnTo>
                  <a:pt x="954893" y="455012"/>
                </a:lnTo>
                <a:cubicBezTo>
                  <a:pt x="971075" y="455012"/>
                  <a:pt x="984194" y="441893"/>
                  <a:pt x="984194" y="425711"/>
                </a:cubicBezTo>
                <a:close/>
                <a:moveTo>
                  <a:pt x="1075004" y="402269"/>
                </a:moveTo>
                <a:lnTo>
                  <a:pt x="1075004" y="249905"/>
                </a:lnTo>
                <a:cubicBezTo>
                  <a:pt x="1075004" y="233722"/>
                  <a:pt x="1061885" y="220604"/>
                  <a:pt x="1045703" y="220604"/>
                </a:cubicBezTo>
                <a:cubicBezTo>
                  <a:pt x="1029520" y="220604"/>
                  <a:pt x="1016402" y="233722"/>
                  <a:pt x="1016402" y="249905"/>
                </a:cubicBezTo>
                <a:lnTo>
                  <a:pt x="1016402" y="402270"/>
                </a:lnTo>
                <a:cubicBezTo>
                  <a:pt x="1016402" y="418452"/>
                  <a:pt x="1029520" y="431571"/>
                  <a:pt x="1045703" y="431571"/>
                </a:cubicBezTo>
                <a:lnTo>
                  <a:pt x="1045703" y="431571"/>
                </a:lnTo>
                <a:cubicBezTo>
                  <a:pt x="1061885" y="431571"/>
                  <a:pt x="1075004" y="418452"/>
                  <a:pt x="1075004" y="402269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68580" tIns="34290" rIns="68580" bIns="3429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ko-KR"/>
            </a:defPPr>
            <a:lvl1pPr marL="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ko-KR" altLang="en-US" sz="1350" dirty="0">
              <a:solidFill>
                <a:schemeClr val="tx1"/>
              </a:solidFill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3C09E375-2FF1-43C4-99CF-27637DF5817A}"/>
              </a:ext>
            </a:extLst>
          </p:cNvPr>
          <p:cNvSpPr txBox="1"/>
          <p:nvPr/>
        </p:nvSpPr>
        <p:spPr>
          <a:xfrm>
            <a:off x="731766" y="1245413"/>
            <a:ext cx="3422722" cy="830997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r>
              <a:rPr lang="en-GB" altLang="ko-KR" sz="2400" dirty="0" err="1">
                <a:solidFill>
                  <a:schemeClr val="accent6"/>
                </a:solidFill>
                <a:cs typeface="Arial" pitchFamily="34" charset="0"/>
              </a:rPr>
              <a:t>Kontekst</a:t>
            </a:r>
            <a:r>
              <a:rPr lang="en-GB" altLang="ko-KR" sz="2400" dirty="0">
                <a:solidFill>
                  <a:schemeClr val="accent6"/>
                </a:solidFill>
                <a:cs typeface="Arial" pitchFamily="34" charset="0"/>
              </a:rPr>
              <a:t>: </a:t>
            </a:r>
            <a:r>
              <a:rPr lang="en-GB" altLang="ko-KR" sz="2400" dirty="0">
                <a:solidFill>
                  <a:schemeClr val="tx1">
                    <a:lumMod val="65000"/>
                    <a:lumOff val="35000"/>
                  </a:schemeClr>
                </a:solidFill>
                <a:cs typeface="Arial" pitchFamily="34" charset="0"/>
              </a:rPr>
              <a:t>Ranking &amp;</a:t>
            </a:r>
          </a:p>
          <a:p>
            <a:r>
              <a:rPr lang="en-GB" altLang="ko-KR" sz="2400" dirty="0" err="1">
                <a:solidFill>
                  <a:srgbClr val="505050"/>
                </a:solidFill>
                <a:cs typeface="Arial" pitchFamily="34" charset="0"/>
              </a:rPr>
              <a:t>uddannelseskvalitet</a:t>
            </a:r>
            <a:endParaRPr lang="ko-KR" altLang="en-US" sz="2400" dirty="0">
              <a:solidFill>
                <a:srgbClr val="505050"/>
              </a:solidFill>
              <a:cs typeface="Arial" pitchFamily="34" charset="0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BA749766-0D2A-4D83-AA2D-E0F1DC4C14A2}"/>
              </a:ext>
            </a:extLst>
          </p:cNvPr>
          <p:cNvSpPr txBox="1"/>
          <p:nvPr/>
        </p:nvSpPr>
        <p:spPr>
          <a:xfrm>
            <a:off x="731766" y="2568613"/>
            <a:ext cx="2968364" cy="25545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DEA rapport om </a:t>
            </a:r>
            <a:r>
              <a:rPr lang="en-US" altLang="ko-KR" sz="16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kvalitet</a:t>
            </a: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:</a:t>
            </a:r>
          </a:p>
          <a:p>
            <a:pPr marL="627063" lvl="1" indent="-285750">
              <a:buFont typeface="Arial" panose="020B0604020202020204" pitchFamily="34" charset="0"/>
              <a:buChar char="‒"/>
            </a:pP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THE </a:t>
            </a:r>
            <a:r>
              <a:rPr lang="en-US" altLang="ko-KR" sz="16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omdømme</a:t>
            </a: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-survey</a:t>
            </a:r>
          </a:p>
          <a:p>
            <a:pPr marL="627063" lvl="1" indent="-285750">
              <a:buFont typeface="Arial" panose="020B0604020202020204" pitchFamily="34" charset="0"/>
              <a:buChar char="‒"/>
            </a:pP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QS employer survey</a:t>
            </a:r>
          </a:p>
          <a:p>
            <a:pPr marL="627063" lvl="1" indent="-285750">
              <a:buFont typeface="Arial" panose="020B0604020202020204" pitchFamily="34" charset="0"/>
              <a:buChar char="‒"/>
            </a:pPr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Andre eksempler: </a:t>
            </a:r>
            <a:br>
              <a:rPr lang="da-DK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</a:br>
            <a:r>
              <a:rPr lang="da-DK" altLang="ko-KR" sz="16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THE’s</a:t>
            </a:r>
            <a:r>
              <a:rPr lang="da-DK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 europæiske rangliste af læringsmiljø (afviklet)</a:t>
            </a:r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  <a:p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</p:txBody>
      </p:sp>
      <p:sp>
        <p:nvSpPr>
          <p:cNvPr id="17" name="Rektangel 16">
            <a:extLst>
              <a:ext uri="{FF2B5EF4-FFF2-40B4-BE49-F238E27FC236}">
                <a16:creationId xmlns:a16="http://schemas.microsoft.com/office/drawing/2014/main" id="{EFA3F0E7-1DBA-47D8-8685-1CE599459759}"/>
              </a:ext>
            </a:extLst>
          </p:cNvPr>
          <p:cNvSpPr/>
          <p:nvPr/>
        </p:nvSpPr>
        <p:spPr>
          <a:xfrm>
            <a:off x="8731045" y="199103"/>
            <a:ext cx="324465" cy="1637071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8B194337-0E4C-452F-A052-153D90ABD1D6}"/>
              </a:ext>
            </a:extLst>
          </p:cNvPr>
          <p:cNvSpPr/>
          <p:nvPr/>
        </p:nvSpPr>
        <p:spPr>
          <a:xfrm>
            <a:off x="103013" y="6238568"/>
            <a:ext cx="1143000" cy="538316"/>
          </a:xfrm>
          <a:prstGeom prst="rect">
            <a:avLst/>
          </a:prstGeom>
          <a:solidFill>
            <a:schemeClr val="bg1">
              <a:alpha val="54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87C69425-52C7-4AB3-899E-2E9693258924}"/>
              </a:ext>
            </a:extLst>
          </p:cNvPr>
          <p:cNvSpPr/>
          <p:nvPr/>
        </p:nvSpPr>
        <p:spPr>
          <a:xfrm flipV="1">
            <a:off x="7557615" y="6353384"/>
            <a:ext cx="1371883" cy="368063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3" name="Footer Placeholder 4">
            <a:extLst>
              <a:ext uri="{FF2B5EF4-FFF2-40B4-BE49-F238E27FC236}">
                <a16:creationId xmlns:a16="http://schemas.microsoft.com/office/drawing/2014/main" id="{BFF80F15-894F-4600-9463-489E330D5811}"/>
              </a:ext>
            </a:extLst>
          </p:cNvPr>
          <p:cNvSpPr txBox="1">
            <a:spLocks/>
          </p:cNvSpPr>
          <p:nvPr/>
        </p:nvSpPr>
        <p:spPr>
          <a:xfrm>
            <a:off x="7457860" y="34960"/>
            <a:ext cx="1873875" cy="324467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 dirty="0">
                <a:solidFill>
                  <a:schemeClr val="bg1">
                    <a:lumMod val="65000"/>
                  </a:schemeClr>
                </a:solidFill>
              </a:rPr>
              <a:t>#SDUANALYTICS</a:t>
            </a:r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B929A1D5-DAD3-4D3D-86D1-B31F47BC15ED}"/>
              </a:ext>
            </a:extLst>
          </p:cNvPr>
          <p:cNvSpPr/>
          <p:nvPr/>
        </p:nvSpPr>
        <p:spPr>
          <a:xfrm>
            <a:off x="233090" y="220645"/>
            <a:ext cx="1159775" cy="324468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28" name="Pladsholder til billede 3" descr="Bøger på en hylde">
            <a:extLst>
              <a:ext uri="{FF2B5EF4-FFF2-40B4-BE49-F238E27FC236}">
                <a16:creationId xmlns:a16="http://schemas.microsoft.com/office/drawing/2014/main" id="{BC40FBD4-4BED-4204-A42D-A49D69B215EC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alphaModFix amt="35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936172" y="703282"/>
            <a:ext cx="2325687" cy="2143895"/>
          </a:xfrm>
          <a:custGeom>
            <a:avLst/>
            <a:gdLst>
              <a:gd name="connsiteX0" fmla="*/ 1550269 w 3100540"/>
              <a:gd name="connsiteY0" fmla="*/ 0 h 3100540"/>
              <a:gd name="connsiteX1" fmla="*/ 1677815 w 3100540"/>
              <a:gd name="connsiteY1" fmla="*/ 52831 h 3100540"/>
              <a:gd name="connsiteX2" fmla="*/ 3047709 w 3100540"/>
              <a:gd name="connsiteY2" fmla="*/ 1422726 h 3100540"/>
              <a:gd name="connsiteX3" fmla="*/ 3047709 w 3100540"/>
              <a:gd name="connsiteY3" fmla="*/ 1677816 h 3100540"/>
              <a:gd name="connsiteX4" fmla="*/ 1677816 w 3100540"/>
              <a:gd name="connsiteY4" fmla="*/ 3047709 h 3100540"/>
              <a:gd name="connsiteX5" fmla="*/ 1422726 w 3100540"/>
              <a:gd name="connsiteY5" fmla="*/ 3047709 h 3100540"/>
              <a:gd name="connsiteX6" fmla="*/ 52831 w 3100540"/>
              <a:gd name="connsiteY6" fmla="*/ 1677814 h 3100540"/>
              <a:gd name="connsiteX7" fmla="*/ 52831 w 3100540"/>
              <a:gd name="connsiteY7" fmla="*/ 1422724 h 3100540"/>
              <a:gd name="connsiteX8" fmla="*/ 1422724 w 3100540"/>
              <a:gd name="connsiteY8" fmla="*/ 52831 h 3100540"/>
              <a:gd name="connsiteX9" fmla="*/ 1550269 w 3100540"/>
              <a:gd name="connsiteY9" fmla="*/ 0 h 31005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3100540" h="3100540">
                <a:moveTo>
                  <a:pt x="1550269" y="0"/>
                </a:moveTo>
                <a:cubicBezTo>
                  <a:pt x="1596432" y="0"/>
                  <a:pt x="1642594" y="17610"/>
                  <a:pt x="1677815" y="52831"/>
                </a:cubicBezTo>
                <a:lnTo>
                  <a:pt x="3047709" y="1422726"/>
                </a:lnTo>
                <a:cubicBezTo>
                  <a:pt x="3118151" y="1493167"/>
                  <a:pt x="3118151" y="1607375"/>
                  <a:pt x="3047709" y="1677816"/>
                </a:cubicBezTo>
                <a:lnTo>
                  <a:pt x="1677816" y="3047709"/>
                </a:lnTo>
                <a:cubicBezTo>
                  <a:pt x="1607375" y="3118151"/>
                  <a:pt x="1493167" y="3118151"/>
                  <a:pt x="1422726" y="3047709"/>
                </a:cubicBezTo>
                <a:lnTo>
                  <a:pt x="52831" y="1677814"/>
                </a:lnTo>
                <a:cubicBezTo>
                  <a:pt x="-17610" y="1607373"/>
                  <a:pt x="-17610" y="1493166"/>
                  <a:pt x="52831" y="1422724"/>
                </a:cubicBezTo>
                <a:lnTo>
                  <a:pt x="1422724" y="52831"/>
                </a:lnTo>
                <a:cubicBezTo>
                  <a:pt x="1457945" y="17610"/>
                  <a:pt x="1504107" y="0"/>
                  <a:pt x="1550269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 w="50800">
            <a:noFill/>
          </a:ln>
        </p:spPr>
      </p:pic>
      <p:pic>
        <p:nvPicPr>
          <p:cNvPr id="29" name="Pladsholder til billede 7" descr="Mål med forskellige nøjagtighedsringe">
            <a:extLst>
              <a:ext uri="{FF2B5EF4-FFF2-40B4-BE49-F238E27FC236}">
                <a16:creationId xmlns:a16="http://schemas.microsoft.com/office/drawing/2014/main" id="{A75708BB-785F-4E4A-A544-BA27D5050C10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duotone>
              <a:schemeClr val="accent6">
                <a:shade val="45000"/>
                <a:satMod val="135000"/>
              </a:schemeClr>
              <a:prstClr val="white"/>
            </a:duotone>
            <a:alphaModFix amt="5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383193" y="2332048"/>
            <a:ext cx="2325687" cy="2143895"/>
          </a:xfrm>
          <a:custGeom>
            <a:avLst/>
            <a:gdLst>
              <a:gd name="connsiteX0" fmla="*/ 1550270 w 3100541"/>
              <a:gd name="connsiteY0" fmla="*/ 0 h 3100540"/>
              <a:gd name="connsiteX1" fmla="*/ 1677815 w 3100541"/>
              <a:gd name="connsiteY1" fmla="*/ 52831 h 3100540"/>
              <a:gd name="connsiteX2" fmla="*/ 3047710 w 3100541"/>
              <a:gd name="connsiteY2" fmla="*/ 1422726 h 3100540"/>
              <a:gd name="connsiteX3" fmla="*/ 3047710 w 3100541"/>
              <a:gd name="connsiteY3" fmla="*/ 1677816 h 3100540"/>
              <a:gd name="connsiteX4" fmla="*/ 1677817 w 3100541"/>
              <a:gd name="connsiteY4" fmla="*/ 3047710 h 3100540"/>
              <a:gd name="connsiteX5" fmla="*/ 1422727 w 3100541"/>
              <a:gd name="connsiteY5" fmla="*/ 3047710 h 3100540"/>
              <a:gd name="connsiteX6" fmla="*/ 52832 w 3100541"/>
              <a:gd name="connsiteY6" fmla="*/ 1677815 h 3100540"/>
              <a:gd name="connsiteX7" fmla="*/ 52832 w 3100541"/>
              <a:gd name="connsiteY7" fmla="*/ 1422724 h 3100540"/>
              <a:gd name="connsiteX8" fmla="*/ 1422725 w 3100541"/>
              <a:gd name="connsiteY8" fmla="*/ 52831 h 3100540"/>
              <a:gd name="connsiteX9" fmla="*/ 1550270 w 3100541"/>
              <a:gd name="connsiteY9" fmla="*/ 0 h 31005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3100541" h="3100540">
                <a:moveTo>
                  <a:pt x="1550270" y="0"/>
                </a:moveTo>
                <a:cubicBezTo>
                  <a:pt x="1596432" y="0"/>
                  <a:pt x="1642594" y="17610"/>
                  <a:pt x="1677815" y="52831"/>
                </a:cubicBezTo>
                <a:lnTo>
                  <a:pt x="3047710" y="1422726"/>
                </a:lnTo>
                <a:cubicBezTo>
                  <a:pt x="3118152" y="1493167"/>
                  <a:pt x="3118152" y="1607375"/>
                  <a:pt x="3047710" y="1677816"/>
                </a:cubicBezTo>
                <a:lnTo>
                  <a:pt x="1677817" y="3047710"/>
                </a:lnTo>
                <a:cubicBezTo>
                  <a:pt x="1607376" y="3118151"/>
                  <a:pt x="1493168" y="3118151"/>
                  <a:pt x="1422727" y="3047710"/>
                </a:cubicBezTo>
                <a:lnTo>
                  <a:pt x="52832" y="1677815"/>
                </a:lnTo>
                <a:cubicBezTo>
                  <a:pt x="-17610" y="1607373"/>
                  <a:pt x="-17610" y="1493166"/>
                  <a:pt x="52832" y="1422724"/>
                </a:cubicBezTo>
                <a:lnTo>
                  <a:pt x="1422725" y="52831"/>
                </a:lnTo>
                <a:cubicBezTo>
                  <a:pt x="1457946" y="17610"/>
                  <a:pt x="1504108" y="0"/>
                  <a:pt x="1550270" y="0"/>
                </a:cubicBezTo>
                <a:close/>
              </a:path>
            </a:pathLst>
          </a:custGeom>
          <a:solidFill>
            <a:schemeClr val="bg1"/>
          </a:solidFill>
          <a:ln w="57150">
            <a:solidFill>
              <a:schemeClr val="accent5"/>
            </a:solidFill>
          </a:ln>
        </p:spPr>
      </p:pic>
      <p:pic>
        <p:nvPicPr>
          <p:cNvPr id="30" name="Pladsholder til billede 9" descr="Et billede, der indeholder tekst, maleri, farverig&#10;&#10;Automatisk genereret beskrivelse">
            <a:extLst>
              <a:ext uri="{FF2B5EF4-FFF2-40B4-BE49-F238E27FC236}">
                <a16:creationId xmlns:a16="http://schemas.microsoft.com/office/drawing/2014/main" id="{64B4A38C-7938-47BC-8B58-07FC506CF529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alphaModFix amt="35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210" r="19674"/>
          <a:stretch/>
        </p:blipFill>
        <p:spPr>
          <a:xfrm>
            <a:off x="4989513" y="3960814"/>
            <a:ext cx="2325687" cy="2143896"/>
          </a:xfrm>
          <a:custGeom>
            <a:avLst/>
            <a:gdLst>
              <a:gd name="connsiteX0" fmla="*/ 1550270 w 3100540"/>
              <a:gd name="connsiteY0" fmla="*/ 0 h 3100540"/>
              <a:gd name="connsiteX1" fmla="*/ 1677815 w 3100540"/>
              <a:gd name="connsiteY1" fmla="*/ 52831 h 3100540"/>
              <a:gd name="connsiteX2" fmla="*/ 3047709 w 3100540"/>
              <a:gd name="connsiteY2" fmla="*/ 1422726 h 3100540"/>
              <a:gd name="connsiteX3" fmla="*/ 3047709 w 3100540"/>
              <a:gd name="connsiteY3" fmla="*/ 1677816 h 3100540"/>
              <a:gd name="connsiteX4" fmla="*/ 1677816 w 3100540"/>
              <a:gd name="connsiteY4" fmla="*/ 3047710 h 3100540"/>
              <a:gd name="connsiteX5" fmla="*/ 1422726 w 3100540"/>
              <a:gd name="connsiteY5" fmla="*/ 3047710 h 3100540"/>
              <a:gd name="connsiteX6" fmla="*/ 52831 w 3100540"/>
              <a:gd name="connsiteY6" fmla="*/ 1677815 h 3100540"/>
              <a:gd name="connsiteX7" fmla="*/ 52831 w 3100540"/>
              <a:gd name="connsiteY7" fmla="*/ 1422724 h 3100540"/>
              <a:gd name="connsiteX8" fmla="*/ 1422724 w 3100540"/>
              <a:gd name="connsiteY8" fmla="*/ 52831 h 3100540"/>
              <a:gd name="connsiteX9" fmla="*/ 1550270 w 3100540"/>
              <a:gd name="connsiteY9" fmla="*/ 0 h 31005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3100540" h="3100540">
                <a:moveTo>
                  <a:pt x="1550270" y="0"/>
                </a:moveTo>
                <a:cubicBezTo>
                  <a:pt x="1596432" y="0"/>
                  <a:pt x="1642594" y="17610"/>
                  <a:pt x="1677815" y="52831"/>
                </a:cubicBezTo>
                <a:lnTo>
                  <a:pt x="3047709" y="1422726"/>
                </a:lnTo>
                <a:cubicBezTo>
                  <a:pt x="3118151" y="1493167"/>
                  <a:pt x="3118151" y="1607375"/>
                  <a:pt x="3047709" y="1677816"/>
                </a:cubicBezTo>
                <a:lnTo>
                  <a:pt x="1677816" y="3047710"/>
                </a:lnTo>
                <a:cubicBezTo>
                  <a:pt x="1607375" y="3118151"/>
                  <a:pt x="1493167" y="3118151"/>
                  <a:pt x="1422726" y="3047710"/>
                </a:cubicBezTo>
                <a:lnTo>
                  <a:pt x="52831" y="1677815"/>
                </a:lnTo>
                <a:cubicBezTo>
                  <a:pt x="-17610" y="1607373"/>
                  <a:pt x="-17610" y="1493166"/>
                  <a:pt x="52831" y="1422724"/>
                </a:cubicBezTo>
                <a:lnTo>
                  <a:pt x="1422724" y="52831"/>
                </a:lnTo>
                <a:cubicBezTo>
                  <a:pt x="1457945" y="17610"/>
                  <a:pt x="1504107" y="0"/>
                  <a:pt x="1550270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  <a:ln w="50800">
            <a:noFill/>
          </a:ln>
        </p:spPr>
      </p:pic>
    </p:spTree>
    <p:extLst>
      <p:ext uri="{BB962C8B-B14F-4D97-AF65-F5344CB8AC3E}">
        <p14:creationId xmlns:p14="http://schemas.microsoft.com/office/powerpoint/2010/main" val="247245053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Freeform: Shape 17">
            <a:extLst>
              <a:ext uri="{FF2B5EF4-FFF2-40B4-BE49-F238E27FC236}">
                <a16:creationId xmlns:a16="http://schemas.microsoft.com/office/drawing/2014/main" id="{EEA0489F-3BC4-45A9-B327-88C3D4E05B62}"/>
              </a:ext>
            </a:extLst>
          </p:cNvPr>
          <p:cNvSpPr/>
          <p:nvPr/>
        </p:nvSpPr>
        <p:spPr>
          <a:xfrm>
            <a:off x="4405516" y="2681377"/>
            <a:ext cx="1512950" cy="1512950"/>
          </a:xfrm>
          <a:custGeom>
            <a:avLst/>
            <a:gdLst>
              <a:gd name="connsiteX0" fmla="*/ 1008633 w 2017267"/>
              <a:gd name="connsiteY0" fmla="*/ 0 h 2017267"/>
              <a:gd name="connsiteX1" fmla="*/ 1091617 w 2017267"/>
              <a:gd name="connsiteY1" fmla="*/ 34373 h 2017267"/>
              <a:gd name="connsiteX2" fmla="*/ 1982894 w 2017267"/>
              <a:gd name="connsiteY2" fmla="*/ 925651 h 2017267"/>
              <a:gd name="connsiteX3" fmla="*/ 1982894 w 2017267"/>
              <a:gd name="connsiteY3" fmla="*/ 1091617 h 2017267"/>
              <a:gd name="connsiteX4" fmla="*/ 1091617 w 2017267"/>
              <a:gd name="connsiteY4" fmla="*/ 1982894 h 2017267"/>
              <a:gd name="connsiteX5" fmla="*/ 925651 w 2017267"/>
              <a:gd name="connsiteY5" fmla="*/ 1982894 h 2017267"/>
              <a:gd name="connsiteX6" fmla="*/ 34373 w 2017267"/>
              <a:gd name="connsiteY6" fmla="*/ 1091616 h 2017267"/>
              <a:gd name="connsiteX7" fmla="*/ 34373 w 2017267"/>
              <a:gd name="connsiteY7" fmla="*/ 925650 h 2017267"/>
              <a:gd name="connsiteX8" fmla="*/ 925650 w 2017267"/>
              <a:gd name="connsiteY8" fmla="*/ 34373 h 2017267"/>
              <a:gd name="connsiteX9" fmla="*/ 1008633 w 2017267"/>
              <a:gd name="connsiteY9" fmla="*/ 0 h 20172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017267" h="2017267">
                <a:moveTo>
                  <a:pt x="1008633" y="0"/>
                </a:moveTo>
                <a:cubicBezTo>
                  <a:pt x="1038667" y="0"/>
                  <a:pt x="1068701" y="11457"/>
                  <a:pt x="1091617" y="34373"/>
                </a:cubicBezTo>
                <a:lnTo>
                  <a:pt x="1982894" y="925651"/>
                </a:lnTo>
                <a:cubicBezTo>
                  <a:pt x="2028725" y="971481"/>
                  <a:pt x="2028725" y="1045787"/>
                  <a:pt x="1982894" y="1091617"/>
                </a:cubicBezTo>
                <a:lnTo>
                  <a:pt x="1091617" y="1982894"/>
                </a:lnTo>
                <a:cubicBezTo>
                  <a:pt x="1045787" y="2028725"/>
                  <a:pt x="971481" y="2028725"/>
                  <a:pt x="925651" y="1982894"/>
                </a:cubicBezTo>
                <a:lnTo>
                  <a:pt x="34373" y="1091616"/>
                </a:lnTo>
                <a:cubicBezTo>
                  <a:pt x="-11457" y="1045786"/>
                  <a:pt x="-11457" y="971481"/>
                  <a:pt x="34373" y="925650"/>
                </a:cubicBezTo>
                <a:lnTo>
                  <a:pt x="925650" y="34373"/>
                </a:lnTo>
                <a:cubicBezTo>
                  <a:pt x="948565" y="11457"/>
                  <a:pt x="978599" y="0"/>
                  <a:pt x="1008633" y="0"/>
                </a:cubicBezTo>
                <a:close/>
              </a:path>
            </a:pathLst>
          </a:cu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50"/>
          </a:p>
        </p:txBody>
      </p:sp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9C1B2E21-ED64-40A7-986F-1BA014711AE7}"/>
              </a:ext>
            </a:extLst>
          </p:cNvPr>
          <p:cNvSpPr/>
          <p:nvPr/>
        </p:nvSpPr>
        <p:spPr>
          <a:xfrm rot="16200000" flipH="1">
            <a:off x="5806593" y="4859907"/>
            <a:ext cx="569845" cy="345709"/>
          </a:xfrm>
          <a:custGeom>
            <a:avLst/>
            <a:gdLst>
              <a:gd name="connsiteX0" fmla="*/ 782320 w 1075004"/>
              <a:gd name="connsiteY0" fmla="*/ 253920 h 652174"/>
              <a:gd name="connsiteX1" fmla="*/ 763875 w 1075004"/>
              <a:gd name="connsiteY1" fmla="*/ 269397 h 652174"/>
              <a:gd name="connsiteX2" fmla="*/ 421371 w 1075004"/>
              <a:gd name="connsiteY2" fmla="*/ 239432 h 652174"/>
              <a:gd name="connsiteX3" fmla="*/ 421370 w 1075004"/>
              <a:gd name="connsiteY3" fmla="*/ 253855 h 652174"/>
              <a:gd name="connsiteX4" fmla="*/ 447078 w 1075004"/>
              <a:gd name="connsiteY4" fmla="*/ 253855 h 652174"/>
              <a:gd name="connsiteX5" fmla="*/ 464104 w 1075004"/>
              <a:gd name="connsiteY5" fmla="*/ 270881 h 652174"/>
              <a:gd name="connsiteX6" fmla="*/ 464104 w 1075004"/>
              <a:gd name="connsiteY6" fmla="*/ 270880 h 652174"/>
              <a:gd name="connsiteX7" fmla="*/ 447079 w 1075004"/>
              <a:gd name="connsiteY7" fmla="*/ 287906 h 652174"/>
              <a:gd name="connsiteX8" fmla="*/ 421371 w 1075004"/>
              <a:gd name="connsiteY8" fmla="*/ 287906 h 652174"/>
              <a:gd name="connsiteX9" fmla="*/ 421371 w 1075004"/>
              <a:gd name="connsiteY9" fmla="*/ 311228 h 652174"/>
              <a:gd name="connsiteX10" fmla="*/ 447078 w 1075004"/>
              <a:gd name="connsiteY10" fmla="*/ 311228 h 652174"/>
              <a:gd name="connsiteX11" fmla="*/ 464104 w 1075004"/>
              <a:gd name="connsiteY11" fmla="*/ 328254 h 652174"/>
              <a:gd name="connsiteX12" fmla="*/ 464104 w 1075004"/>
              <a:gd name="connsiteY12" fmla="*/ 328254 h 652174"/>
              <a:gd name="connsiteX13" fmla="*/ 447079 w 1075004"/>
              <a:gd name="connsiteY13" fmla="*/ 345279 h 652174"/>
              <a:gd name="connsiteX14" fmla="*/ 421371 w 1075004"/>
              <a:gd name="connsiteY14" fmla="*/ 345280 h 652174"/>
              <a:gd name="connsiteX15" fmla="*/ 421371 w 1075004"/>
              <a:gd name="connsiteY15" fmla="*/ 368602 h 652174"/>
              <a:gd name="connsiteX16" fmla="*/ 447078 w 1075004"/>
              <a:gd name="connsiteY16" fmla="*/ 368602 h 652174"/>
              <a:gd name="connsiteX17" fmla="*/ 464104 w 1075004"/>
              <a:gd name="connsiteY17" fmla="*/ 385628 h 652174"/>
              <a:gd name="connsiteX18" fmla="*/ 464104 w 1075004"/>
              <a:gd name="connsiteY18" fmla="*/ 385628 h 652174"/>
              <a:gd name="connsiteX19" fmla="*/ 447079 w 1075004"/>
              <a:gd name="connsiteY19" fmla="*/ 402653 h 652174"/>
              <a:gd name="connsiteX20" fmla="*/ 421371 w 1075004"/>
              <a:gd name="connsiteY20" fmla="*/ 402653 h 652174"/>
              <a:gd name="connsiteX21" fmla="*/ 421370 w 1075004"/>
              <a:gd name="connsiteY21" fmla="*/ 417163 h 652174"/>
              <a:gd name="connsiteX22" fmla="*/ 762268 w 1075004"/>
              <a:gd name="connsiteY22" fmla="*/ 381333 h 652174"/>
              <a:gd name="connsiteX23" fmla="*/ 780980 w 1075004"/>
              <a:gd name="connsiteY23" fmla="*/ 396486 h 652174"/>
              <a:gd name="connsiteX24" fmla="*/ 765828 w 1075004"/>
              <a:gd name="connsiteY24" fmla="*/ 415198 h 652174"/>
              <a:gd name="connsiteX25" fmla="*/ 415893 w 1075004"/>
              <a:gd name="connsiteY25" fmla="*/ 451978 h 652174"/>
              <a:gd name="connsiteX26" fmla="*/ 397181 w 1075004"/>
              <a:gd name="connsiteY26" fmla="*/ 436825 h 652174"/>
              <a:gd name="connsiteX27" fmla="*/ 398889 w 1075004"/>
              <a:gd name="connsiteY27" fmla="*/ 431061 h 652174"/>
              <a:gd name="connsiteX28" fmla="*/ 398669 w 1075004"/>
              <a:gd name="connsiteY28" fmla="*/ 430531 h 652174"/>
              <a:gd name="connsiteX29" fmla="*/ 398669 w 1075004"/>
              <a:gd name="connsiteY29" fmla="*/ 402653 h 652174"/>
              <a:gd name="connsiteX30" fmla="*/ 372962 w 1075004"/>
              <a:gd name="connsiteY30" fmla="*/ 402654 h 652174"/>
              <a:gd name="connsiteX31" fmla="*/ 355936 w 1075004"/>
              <a:gd name="connsiteY31" fmla="*/ 385628 h 652174"/>
              <a:gd name="connsiteX32" fmla="*/ 372962 w 1075004"/>
              <a:gd name="connsiteY32" fmla="*/ 368602 h 652174"/>
              <a:gd name="connsiteX33" fmla="*/ 398669 w 1075004"/>
              <a:gd name="connsiteY33" fmla="*/ 368602 h 652174"/>
              <a:gd name="connsiteX34" fmla="*/ 398670 w 1075004"/>
              <a:gd name="connsiteY34" fmla="*/ 345280 h 652174"/>
              <a:gd name="connsiteX35" fmla="*/ 372962 w 1075004"/>
              <a:gd name="connsiteY35" fmla="*/ 345280 h 652174"/>
              <a:gd name="connsiteX36" fmla="*/ 355936 w 1075004"/>
              <a:gd name="connsiteY36" fmla="*/ 328254 h 652174"/>
              <a:gd name="connsiteX37" fmla="*/ 372962 w 1075004"/>
              <a:gd name="connsiteY37" fmla="*/ 311229 h 652174"/>
              <a:gd name="connsiteX38" fmla="*/ 398669 w 1075004"/>
              <a:gd name="connsiteY38" fmla="*/ 311228 h 652174"/>
              <a:gd name="connsiteX39" fmla="*/ 398669 w 1075004"/>
              <a:gd name="connsiteY39" fmla="*/ 287906 h 652174"/>
              <a:gd name="connsiteX40" fmla="*/ 372962 w 1075004"/>
              <a:gd name="connsiteY40" fmla="*/ 287906 h 652174"/>
              <a:gd name="connsiteX41" fmla="*/ 355936 w 1075004"/>
              <a:gd name="connsiteY41" fmla="*/ 270881 h 652174"/>
              <a:gd name="connsiteX42" fmla="*/ 372962 w 1075004"/>
              <a:gd name="connsiteY42" fmla="*/ 253855 h 652174"/>
              <a:gd name="connsiteX43" fmla="*/ 398670 w 1075004"/>
              <a:gd name="connsiteY43" fmla="*/ 253855 h 652174"/>
              <a:gd name="connsiteX44" fmla="*/ 398670 w 1075004"/>
              <a:gd name="connsiteY44" fmla="*/ 226225 h 652174"/>
              <a:gd name="connsiteX45" fmla="*/ 399282 w 1075004"/>
              <a:gd name="connsiteY45" fmla="*/ 224746 h 652174"/>
              <a:gd name="connsiteX46" fmla="*/ 397876 w 1075004"/>
              <a:gd name="connsiteY46" fmla="*/ 220286 h 652174"/>
              <a:gd name="connsiteX47" fmla="*/ 416321 w 1075004"/>
              <a:gd name="connsiteY47" fmla="*/ 204808 h 652174"/>
              <a:gd name="connsiteX48" fmla="*/ 766843 w 1075004"/>
              <a:gd name="connsiteY48" fmla="*/ 235475 h 652174"/>
              <a:gd name="connsiteX49" fmla="*/ 782320 w 1075004"/>
              <a:gd name="connsiteY49" fmla="*/ 253920 h 652174"/>
              <a:gd name="connsiteX50" fmla="*/ 787242 w 1075004"/>
              <a:gd name="connsiteY50" fmla="*/ 326088 h 652174"/>
              <a:gd name="connsiteX51" fmla="*/ 785600 w 1075004"/>
              <a:gd name="connsiteY51" fmla="*/ 324446 h 652174"/>
              <a:gd name="connsiteX52" fmla="*/ 785600 w 1075004"/>
              <a:gd name="connsiteY52" fmla="*/ 237208 h 652174"/>
              <a:gd name="connsiteX53" fmla="*/ 722116 w 1075004"/>
              <a:gd name="connsiteY53" fmla="*/ 173723 h 652174"/>
              <a:gd name="connsiteX54" fmla="*/ 634876 w 1075004"/>
              <a:gd name="connsiteY54" fmla="*/ 173723 h 652174"/>
              <a:gd name="connsiteX55" fmla="*/ 556664 w 1075004"/>
              <a:gd name="connsiteY55" fmla="*/ 95510 h 652174"/>
              <a:gd name="connsiteX56" fmla="*/ 95508 w 1075004"/>
              <a:gd name="connsiteY56" fmla="*/ 95510 h 652174"/>
              <a:gd name="connsiteX57" fmla="*/ 0 w 1075004"/>
              <a:gd name="connsiteY57" fmla="*/ 326088 h 652174"/>
              <a:gd name="connsiteX58" fmla="*/ 95508 w 1075004"/>
              <a:gd name="connsiteY58" fmla="*/ 556666 h 652174"/>
              <a:gd name="connsiteX59" fmla="*/ 556665 w 1075004"/>
              <a:gd name="connsiteY59" fmla="*/ 556666 h 652174"/>
              <a:gd name="connsiteX60" fmla="*/ 634877 w 1075004"/>
              <a:gd name="connsiteY60" fmla="*/ 478453 h 652174"/>
              <a:gd name="connsiteX61" fmla="*/ 722116 w 1075004"/>
              <a:gd name="connsiteY61" fmla="*/ 478454 h 652174"/>
              <a:gd name="connsiteX62" fmla="*/ 785600 w 1075004"/>
              <a:gd name="connsiteY62" fmla="*/ 414969 h 652174"/>
              <a:gd name="connsiteX63" fmla="*/ 785600 w 1075004"/>
              <a:gd name="connsiteY63" fmla="*/ 327730 h 652174"/>
              <a:gd name="connsiteX64" fmla="*/ 893383 w 1075004"/>
              <a:gd name="connsiteY64" fmla="*/ 437431 h 652174"/>
              <a:gd name="connsiteX65" fmla="*/ 893383 w 1075004"/>
              <a:gd name="connsiteY65" fmla="*/ 214744 h 652174"/>
              <a:gd name="connsiteX66" fmla="*/ 864082 w 1075004"/>
              <a:gd name="connsiteY66" fmla="*/ 185443 h 652174"/>
              <a:gd name="connsiteX67" fmla="*/ 834781 w 1075004"/>
              <a:gd name="connsiteY67" fmla="*/ 214744 h 652174"/>
              <a:gd name="connsiteX68" fmla="*/ 834781 w 1075004"/>
              <a:gd name="connsiteY68" fmla="*/ 437432 h 652174"/>
              <a:gd name="connsiteX69" fmla="*/ 864082 w 1075004"/>
              <a:gd name="connsiteY69" fmla="*/ 466733 h 652174"/>
              <a:gd name="connsiteX70" fmla="*/ 864082 w 1075004"/>
              <a:gd name="connsiteY70" fmla="*/ 466732 h 652174"/>
              <a:gd name="connsiteX71" fmla="*/ 893383 w 1075004"/>
              <a:gd name="connsiteY71" fmla="*/ 437431 h 652174"/>
              <a:gd name="connsiteX72" fmla="*/ 984194 w 1075004"/>
              <a:gd name="connsiteY72" fmla="*/ 425711 h 652174"/>
              <a:gd name="connsiteX73" fmla="*/ 984193 w 1075004"/>
              <a:gd name="connsiteY73" fmla="*/ 226464 h 652174"/>
              <a:gd name="connsiteX74" fmla="*/ 954893 w 1075004"/>
              <a:gd name="connsiteY74" fmla="*/ 197163 h 652174"/>
              <a:gd name="connsiteX75" fmla="*/ 925591 w 1075004"/>
              <a:gd name="connsiteY75" fmla="*/ 226464 h 652174"/>
              <a:gd name="connsiteX76" fmla="*/ 925591 w 1075004"/>
              <a:gd name="connsiteY76" fmla="*/ 425711 h 652174"/>
              <a:gd name="connsiteX77" fmla="*/ 954893 w 1075004"/>
              <a:gd name="connsiteY77" fmla="*/ 455012 h 652174"/>
              <a:gd name="connsiteX78" fmla="*/ 954893 w 1075004"/>
              <a:gd name="connsiteY78" fmla="*/ 455012 h 652174"/>
              <a:gd name="connsiteX79" fmla="*/ 984194 w 1075004"/>
              <a:gd name="connsiteY79" fmla="*/ 425711 h 652174"/>
              <a:gd name="connsiteX80" fmla="*/ 1075004 w 1075004"/>
              <a:gd name="connsiteY80" fmla="*/ 402269 h 652174"/>
              <a:gd name="connsiteX81" fmla="*/ 1075004 w 1075004"/>
              <a:gd name="connsiteY81" fmla="*/ 249905 h 652174"/>
              <a:gd name="connsiteX82" fmla="*/ 1045703 w 1075004"/>
              <a:gd name="connsiteY82" fmla="*/ 220604 h 652174"/>
              <a:gd name="connsiteX83" fmla="*/ 1016402 w 1075004"/>
              <a:gd name="connsiteY83" fmla="*/ 249905 h 652174"/>
              <a:gd name="connsiteX84" fmla="*/ 1016402 w 1075004"/>
              <a:gd name="connsiteY84" fmla="*/ 402270 h 652174"/>
              <a:gd name="connsiteX85" fmla="*/ 1045703 w 1075004"/>
              <a:gd name="connsiteY85" fmla="*/ 431571 h 652174"/>
              <a:gd name="connsiteX86" fmla="*/ 1045703 w 1075004"/>
              <a:gd name="connsiteY86" fmla="*/ 431571 h 652174"/>
              <a:gd name="connsiteX87" fmla="*/ 1075004 w 1075004"/>
              <a:gd name="connsiteY87" fmla="*/ 402269 h 6521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</a:cxnLst>
            <a:rect l="l" t="t" r="r" b="b"/>
            <a:pathLst>
              <a:path w="1075004" h="652174">
                <a:moveTo>
                  <a:pt x="782320" y="253920"/>
                </a:moveTo>
                <a:cubicBezTo>
                  <a:pt x="781500" y="263287"/>
                  <a:pt x="773242" y="270216"/>
                  <a:pt x="763875" y="269397"/>
                </a:cubicBezTo>
                <a:cubicBezTo>
                  <a:pt x="649707" y="259409"/>
                  <a:pt x="535539" y="249421"/>
                  <a:pt x="421371" y="239432"/>
                </a:cubicBezTo>
                <a:lnTo>
                  <a:pt x="421370" y="253855"/>
                </a:lnTo>
                <a:lnTo>
                  <a:pt x="447078" y="253855"/>
                </a:lnTo>
                <a:cubicBezTo>
                  <a:pt x="456482" y="253854"/>
                  <a:pt x="464104" y="261477"/>
                  <a:pt x="464104" y="270881"/>
                </a:cubicBezTo>
                <a:lnTo>
                  <a:pt x="464104" y="270880"/>
                </a:lnTo>
                <a:cubicBezTo>
                  <a:pt x="464104" y="280283"/>
                  <a:pt x="456482" y="287906"/>
                  <a:pt x="447079" y="287906"/>
                </a:cubicBezTo>
                <a:cubicBezTo>
                  <a:pt x="438509" y="287906"/>
                  <a:pt x="429940" y="287905"/>
                  <a:pt x="421371" y="287906"/>
                </a:cubicBezTo>
                <a:lnTo>
                  <a:pt x="421371" y="311228"/>
                </a:lnTo>
                <a:lnTo>
                  <a:pt x="447078" y="311228"/>
                </a:lnTo>
                <a:cubicBezTo>
                  <a:pt x="456482" y="311228"/>
                  <a:pt x="464104" y="318851"/>
                  <a:pt x="464104" y="328254"/>
                </a:cubicBezTo>
                <a:lnTo>
                  <a:pt x="464104" y="328254"/>
                </a:lnTo>
                <a:cubicBezTo>
                  <a:pt x="464104" y="337656"/>
                  <a:pt x="456482" y="345279"/>
                  <a:pt x="447079" y="345279"/>
                </a:cubicBezTo>
                <a:cubicBezTo>
                  <a:pt x="438510" y="345279"/>
                  <a:pt x="429940" y="345279"/>
                  <a:pt x="421371" y="345280"/>
                </a:cubicBezTo>
                <a:lnTo>
                  <a:pt x="421371" y="368602"/>
                </a:lnTo>
                <a:lnTo>
                  <a:pt x="447078" y="368602"/>
                </a:lnTo>
                <a:cubicBezTo>
                  <a:pt x="456482" y="368602"/>
                  <a:pt x="464104" y="376224"/>
                  <a:pt x="464104" y="385628"/>
                </a:cubicBezTo>
                <a:lnTo>
                  <a:pt x="464104" y="385628"/>
                </a:lnTo>
                <a:cubicBezTo>
                  <a:pt x="464104" y="395031"/>
                  <a:pt x="456481" y="402653"/>
                  <a:pt x="447079" y="402653"/>
                </a:cubicBezTo>
                <a:cubicBezTo>
                  <a:pt x="438509" y="402653"/>
                  <a:pt x="429940" y="402653"/>
                  <a:pt x="421371" y="402653"/>
                </a:cubicBezTo>
                <a:lnTo>
                  <a:pt x="421370" y="417163"/>
                </a:lnTo>
                <a:lnTo>
                  <a:pt x="762268" y="381333"/>
                </a:lnTo>
                <a:cubicBezTo>
                  <a:pt x="771619" y="380351"/>
                  <a:pt x="779997" y="387135"/>
                  <a:pt x="780980" y="396486"/>
                </a:cubicBezTo>
                <a:cubicBezTo>
                  <a:pt x="781963" y="405838"/>
                  <a:pt x="775179" y="414215"/>
                  <a:pt x="765828" y="415198"/>
                </a:cubicBezTo>
                <a:cubicBezTo>
                  <a:pt x="649182" y="427458"/>
                  <a:pt x="532538" y="439719"/>
                  <a:pt x="415893" y="451978"/>
                </a:cubicBezTo>
                <a:cubicBezTo>
                  <a:pt x="406541" y="452961"/>
                  <a:pt x="398164" y="446177"/>
                  <a:pt x="397181" y="436825"/>
                </a:cubicBezTo>
                <a:cubicBezTo>
                  <a:pt x="396959" y="434721"/>
                  <a:pt x="397132" y="432666"/>
                  <a:pt x="398889" y="431061"/>
                </a:cubicBezTo>
                <a:lnTo>
                  <a:pt x="398669" y="430531"/>
                </a:lnTo>
                <a:lnTo>
                  <a:pt x="398669" y="402653"/>
                </a:lnTo>
                <a:lnTo>
                  <a:pt x="372962" y="402654"/>
                </a:lnTo>
                <a:cubicBezTo>
                  <a:pt x="363559" y="402654"/>
                  <a:pt x="355936" y="395032"/>
                  <a:pt x="355936" y="385628"/>
                </a:cubicBezTo>
                <a:cubicBezTo>
                  <a:pt x="355936" y="376225"/>
                  <a:pt x="363559" y="368602"/>
                  <a:pt x="372962" y="368602"/>
                </a:cubicBezTo>
                <a:lnTo>
                  <a:pt x="398669" y="368602"/>
                </a:lnTo>
                <a:lnTo>
                  <a:pt x="398670" y="345280"/>
                </a:lnTo>
                <a:lnTo>
                  <a:pt x="372962" y="345280"/>
                </a:lnTo>
                <a:cubicBezTo>
                  <a:pt x="363559" y="345279"/>
                  <a:pt x="355937" y="337657"/>
                  <a:pt x="355936" y="328254"/>
                </a:cubicBezTo>
                <a:cubicBezTo>
                  <a:pt x="355937" y="318851"/>
                  <a:pt x="363559" y="311228"/>
                  <a:pt x="372962" y="311229"/>
                </a:cubicBezTo>
                <a:lnTo>
                  <a:pt x="398669" y="311228"/>
                </a:lnTo>
                <a:lnTo>
                  <a:pt x="398669" y="287906"/>
                </a:lnTo>
                <a:lnTo>
                  <a:pt x="372962" y="287906"/>
                </a:lnTo>
                <a:cubicBezTo>
                  <a:pt x="363559" y="287906"/>
                  <a:pt x="355936" y="280284"/>
                  <a:pt x="355936" y="270881"/>
                </a:cubicBezTo>
                <a:cubicBezTo>
                  <a:pt x="355936" y="261477"/>
                  <a:pt x="363559" y="253855"/>
                  <a:pt x="372962" y="253855"/>
                </a:cubicBezTo>
                <a:lnTo>
                  <a:pt x="398670" y="253855"/>
                </a:lnTo>
                <a:lnTo>
                  <a:pt x="398670" y="226225"/>
                </a:lnTo>
                <a:cubicBezTo>
                  <a:pt x="398670" y="225700"/>
                  <a:pt x="398705" y="225183"/>
                  <a:pt x="399282" y="224746"/>
                </a:cubicBezTo>
                <a:lnTo>
                  <a:pt x="397876" y="220286"/>
                </a:lnTo>
                <a:cubicBezTo>
                  <a:pt x="398695" y="210918"/>
                  <a:pt x="406953" y="203989"/>
                  <a:pt x="416321" y="204808"/>
                </a:cubicBezTo>
                <a:lnTo>
                  <a:pt x="766843" y="235475"/>
                </a:lnTo>
                <a:cubicBezTo>
                  <a:pt x="776210" y="236295"/>
                  <a:pt x="783140" y="244552"/>
                  <a:pt x="782320" y="253920"/>
                </a:cubicBezTo>
                <a:close/>
                <a:moveTo>
                  <a:pt x="787242" y="326088"/>
                </a:moveTo>
                <a:lnTo>
                  <a:pt x="785600" y="324446"/>
                </a:lnTo>
                <a:lnTo>
                  <a:pt x="785600" y="237208"/>
                </a:lnTo>
                <a:cubicBezTo>
                  <a:pt x="785600" y="202146"/>
                  <a:pt x="757177" y="173723"/>
                  <a:pt x="722116" y="173723"/>
                </a:cubicBezTo>
                <a:lnTo>
                  <a:pt x="634876" y="173723"/>
                </a:lnTo>
                <a:cubicBezTo>
                  <a:pt x="608806" y="147652"/>
                  <a:pt x="582735" y="121580"/>
                  <a:pt x="556664" y="95510"/>
                </a:cubicBezTo>
                <a:cubicBezTo>
                  <a:pt x="429319" y="-31836"/>
                  <a:pt x="222853" y="-31835"/>
                  <a:pt x="95508" y="95510"/>
                </a:cubicBezTo>
                <a:cubicBezTo>
                  <a:pt x="31836" y="159182"/>
                  <a:pt x="0" y="242635"/>
                  <a:pt x="0" y="326088"/>
                </a:cubicBezTo>
                <a:cubicBezTo>
                  <a:pt x="0" y="409541"/>
                  <a:pt x="31836" y="492993"/>
                  <a:pt x="95508" y="556666"/>
                </a:cubicBezTo>
                <a:cubicBezTo>
                  <a:pt x="222853" y="684011"/>
                  <a:pt x="429320" y="684011"/>
                  <a:pt x="556665" y="556666"/>
                </a:cubicBezTo>
                <a:lnTo>
                  <a:pt x="634877" y="478453"/>
                </a:lnTo>
                <a:lnTo>
                  <a:pt x="722116" y="478454"/>
                </a:lnTo>
                <a:cubicBezTo>
                  <a:pt x="757178" y="478453"/>
                  <a:pt x="785600" y="450030"/>
                  <a:pt x="785600" y="414969"/>
                </a:cubicBezTo>
                <a:lnTo>
                  <a:pt x="785600" y="327730"/>
                </a:lnTo>
                <a:close/>
                <a:moveTo>
                  <a:pt x="893383" y="437431"/>
                </a:moveTo>
                <a:lnTo>
                  <a:pt x="893383" y="214744"/>
                </a:lnTo>
                <a:cubicBezTo>
                  <a:pt x="893383" y="198562"/>
                  <a:pt x="880265" y="185443"/>
                  <a:pt x="864082" y="185443"/>
                </a:cubicBezTo>
                <a:cubicBezTo>
                  <a:pt x="847900" y="185443"/>
                  <a:pt x="834781" y="198562"/>
                  <a:pt x="834781" y="214744"/>
                </a:cubicBezTo>
                <a:lnTo>
                  <a:pt x="834781" y="437432"/>
                </a:lnTo>
                <a:cubicBezTo>
                  <a:pt x="834781" y="453614"/>
                  <a:pt x="847900" y="466733"/>
                  <a:pt x="864082" y="466733"/>
                </a:cubicBezTo>
                <a:lnTo>
                  <a:pt x="864082" y="466732"/>
                </a:lnTo>
                <a:cubicBezTo>
                  <a:pt x="880265" y="466732"/>
                  <a:pt x="893383" y="453614"/>
                  <a:pt x="893383" y="437431"/>
                </a:cubicBezTo>
                <a:close/>
                <a:moveTo>
                  <a:pt x="984194" y="425711"/>
                </a:moveTo>
                <a:lnTo>
                  <a:pt x="984193" y="226464"/>
                </a:lnTo>
                <a:cubicBezTo>
                  <a:pt x="984193" y="210282"/>
                  <a:pt x="971075" y="197164"/>
                  <a:pt x="954893" y="197163"/>
                </a:cubicBezTo>
                <a:cubicBezTo>
                  <a:pt x="938710" y="197164"/>
                  <a:pt x="925591" y="210282"/>
                  <a:pt x="925591" y="226464"/>
                </a:cubicBezTo>
                <a:lnTo>
                  <a:pt x="925591" y="425711"/>
                </a:lnTo>
                <a:cubicBezTo>
                  <a:pt x="925591" y="441894"/>
                  <a:pt x="938710" y="455012"/>
                  <a:pt x="954893" y="455012"/>
                </a:cubicBezTo>
                <a:lnTo>
                  <a:pt x="954893" y="455012"/>
                </a:lnTo>
                <a:cubicBezTo>
                  <a:pt x="971075" y="455012"/>
                  <a:pt x="984194" y="441893"/>
                  <a:pt x="984194" y="425711"/>
                </a:cubicBezTo>
                <a:close/>
                <a:moveTo>
                  <a:pt x="1075004" y="402269"/>
                </a:moveTo>
                <a:lnTo>
                  <a:pt x="1075004" y="249905"/>
                </a:lnTo>
                <a:cubicBezTo>
                  <a:pt x="1075004" y="233722"/>
                  <a:pt x="1061885" y="220604"/>
                  <a:pt x="1045703" y="220604"/>
                </a:cubicBezTo>
                <a:cubicBezTo>
                  <a:pt x="1029520" y="220604"/>
                  <a:pt x="1016402" y="233722"/>
                  <a:pt x="1016402" y="249905"/>
                </a:cubicBezTo>
                <a:lnTo>
                  <a:pt x="1016402" y="402270"/>
                </a:lnTo>
                <a:cubicBezTo>
                  <a:pt x="1016402" y="418452"/>
                  <a:pt x="1029520" y="431571"/>
                  <a:pt x="1045703" y="431571"/>
                </a:cubicBezTo>
                <a:lnTo>
                  <a:pt x="1045703" y="431571"/>
                </a:lnTo>
                <a:cubicBezTo>
                  <a:pt x="1061885" y="431571"/>
                  <a:pt x="1075004" y="418452"/>
                  <a:pt x="1075004" y="402269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="horz" wrap="square" lIns="68580" tIns="34290" rIns="68580" bIns="34290" numCol="1" spcCol="0" rtlCol="0" fromWordArt="0" anchor="ctr" anchorCtr="0" forceAA="0" compatLnSpc="1">
            <a:prstTxWarp prst="textNoShape">
              <a:avLst/>
            </a:prstTxWarp>
            <a:noAutofit/>
          </a:bodyPr>
          <a:lstStyle>
            <a:defPPr>
              <a:defRPr lang="ko-KR"/>
            </a:defPPr>
            <a:lvl1pPr marL="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1" hangingPunct="1">
              <a:defRPr sz="18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endParaRPr lang="ko-KR" altLang="en-US" sz="1350" dirty="0">
              <a:solidFill>
                <a:schemeClr val="tx1"/>
              </a:solidFill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3C09E375-2FF1-43C4-99CF-27637DF5817A}"/>
              </a:ext>
            </a:extLst>
          </p:cNvPr>
          <p:cNvSpPr txBox="1"/>
          <p:nvPr/>
        </p:nvSpPr>
        <p:spPr>
          <a:xfrm>
            <a:off x="731766" y="1245413"/>
            <a:ext cx="3422722" cy="830997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r>
              <a:rPr lang="en-GB" altLang="ko-KR" sz="2400" dirty="0">
                <a:solidFill>
                  <a:schemeClr val="accent6"/>
                </a:solidFill>
                <a:cs typeface="Arial" pitchFamily="34" charset="0"/>
              </a:rPr>
              <a:t>THE IMPACT</a:t>
            </a:r>
            <a:r>
              <a:rPr lang="en-GB" altLang="ko-KR" sz="2400" dirty="0">
                <a:cs typeface="Arial" pitchFamily="34" charset="0"/>
              </a:rPr>
              <a:t> </a:t>
            </a:r>
            <a:r>
              <a:rPr lang="en-GB" altLang="ko-KR" sz="2400" dirty="0" err="1">
                <a:solidFill>
                  <a:srgbClr val="505050"/>
                </a:solidFill>
                <a:cs typeface="Arial" pitchFamily="34" charset="0"/>
              </a:rPr>
              <a:t>fokuserer</a:t>
            </a:r>
            <a:endParaRPr lang="en-GB" altLang="ko-KR" sz="2400" dirty="0">
              <a:solidFill>
                <a:srgbClr val="505050"/>
              </a:solidFill>
              <a:cs typeface="Arial" pitchFamily="34" charset="0"/>
            </a:endParaRPr>
          </a:p>
          <a:p>
            <a:r>
              <a:rPr lang="en-GB" altLang="ko-KR" sz="2400" dirty="0" err="1">
                <a:solidFill>
                  <a:srgbClr val="505050"/>
                </a:solidFill>
                <a:cs typeface="Arial" pitchFamily="34" charset="0"/>
              </a:rPr>
              <a:t>på</a:t>
            </a:r>
            <a:r>
              <a:rPr lang="en-GB" altLang="ko-KR" sz="2400" dirty="0">
                <a:solidFill>
                  <a:srgbClr val="505050"/>
                </a:solidFill>
                <a:cs typeface="Arial" pitchFamily="34" charset="0"/>
              </a:rPr>
              <a:t> </a:t>
            </a:r>
            <a:r>
              <a:rPr lang="en-GB" altLang="ko-KR" sz="2400" dirty="0" err="1">
                <a:solidFill>
                  <a:srgbClr val="505050"/>
                </a:solidFill>
                <a:cs typeface="Arial" pitchFamily="34" charset="0"/>
              </a:rPr>
              <a:t>verdensmålene</a:t>
            </a:r>
            <a:r>
              <a:rPr lang="en-GB" altLang="ko-KR" sz="2400" dirty="0">
                <a:solidFill>
                  <a:srgbClr val="505050"/>
                </a:solidFill>
                <a:cs typeface="Arial" pitchFamily="34" charset="0"/>
              </a:rPr>
              <a:t>…</a:t>
            </a:r>
            <a:endParaRPr lang="ko-KR" altLang="en-US" sz="2400" dirty="0">
              <a:solidFill>
                <a:srgbClr val="505050"/>
              </a:solidFill>
              <a:cs typeface="Arial" pitchFamily="34" charset="0"/>
            </a:endParaRP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BA749766-0D2A-4D83-AA2D-E0F1DC4C14A2}"/>
              </a:ext>
            </a:extLst>
          </p:cNvPr>
          <p:cNvSpPr txBox="1"/>
          <p:nvPr/>
        </p:nvSpPr>
        <p:spPr>
          <a:xfrm>
            <a:off x="731766" y="2568613"/>
            <a:ext cx="2835858" cy="276998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Times Higher Education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altLang="ko-KR" sz="16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Siden</a:t>
            </a: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 2019 – </a:t>
            </a:r>
            <a:r>
              <a:rPr lang="en-US" altLang="ko-KR" sz="16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i</a:t>
            </a: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 2021 </a:t>
            </a:r>
            <a:r>
              <a:rPr lang="en-US" altLang="ko-KR" sz="16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deltog</a:t>
            </a: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 over 1.100 </a:t>
            </a:r>
            <a:r>
              <a:rPr lang="en-US" altLang="ko-KR" sz="16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universiteter</a:t>
            </a:r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17 </a:t>
            </a:r>
            <a:r>
              <a:rPr lang="en-US" altLang="ko-KR" sz="16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kategorier</a:t>
            </a: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 </a:t>
            </a:r>
            <a:b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</a:br>
            <a:r>
              <a:rPr lang="en-US" altLang="ko-KR" sz="14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(1 </a:t>
            </a:r>
            <a:r>
              <a:rPr lang="en-US" altLang="ko-KR" sz="14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obligatorisk</a:t>
            </a:r>
            <a:r>
              <a:rPr lang="en-US" altLang="ko-KR" sz="14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, </a:t>
            </a:r>
            <a:r>
              <a:rPr lang="en-US" altLang="ko-KR" sz="14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resten</a:t>
            </a:r>
            <a:r>
              <a:rPr lang="en-US" altLang="ko-KR" sz="14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 </a:t>
            </a:r>
            <a:r>
              <a:rPr lang="en-US" altLang="ko-KR" sz="14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frivillig</a:t>
            </a:r>
            <a:r>
              <a:rPr lang="en-US" altLang="ko-KR" sz="14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)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altLang="ko-KR" sz="16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Kompleks</a:t>
            </a:r>
            <a:r>
              <a:rPr lang="en-US" altLang="ko-KR" sz="1600" dirty="0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 </a:t>
            </a:r>
            <a:r>
              <a:rPr lang="en-US" altLang="ko-KR" sz="1600" dirty="0" err="1">
                <a:solidFill>
                  <a:schemeClr val="tx1">
                    <a:lumMod val="50000"/>
                    <a:lumOff val="50000"/>
                  </a:schemeClr>
                </a:solidFill>
                <a:cs typeface="Arial" pitchFamily="34" charset="0"/>
              </a:rPr>
              <a:t>metode</a:t>
            </a:r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  <a:p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altLang="ko-KR" sz="1600" dirty="0">
              <a:solidFill>
                <a:schemeClr val="tx1">
                  <a:lumMod val="50000"/>
                  <a:lumOff val="50000"/>
                </a:schemeClr>
              </a:solidFill>
              <a:cs typeface="Arial" pitchFamily="34" charset="0"/>
            </a:endParaRPr>
          </a:p>
        </p:txBody>
      </p:sp>
      <p:pic>
        <p:nvPicPr>
          <p:cNvPr id="4" name="Pladsholder til billede 3" descr="Et billede, der indeholder tekst&#10;&#10;Automatisk genereret beskrivelse">
            <a:extLst>
              <a:ext uri="{FF2B5EF4-FFF2-40B4-BE49-F238E27FC236}">
                <a16:creationId xmlns:a16="http://schemas.microsoft.com/office/drawing/2014/main" id="{BC37FA8D-9907-460D-85FA-4B87135EB769}"/>
              </a:ext>
            </a:extLst>
          </p:cNvPr>
          <p:cNvPicPr>
            <a:picLocks noGrp="1" noChangeAspect="1"/>
          </p:cNvPicPr>
          <p:nvPr>
            <p:ph type="pic" idx="12"/>
          </p:nvPr>
        </p:nvPicPr>
        <p:blipFill rotWithShape="1">
          <a:blip r:embed="rId3">
            <a:alphaModFix amt="35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8949" t="265" r="25949" b="-265"/>
          <a:stretch/>
        </p:blipFill>
        <p:spPr>
          <a:xfrm>
            <a:off x="4989513" y="588964"/>
            <a:ext cx="2325687" cy="2143896"/>
          </a:xfrm>
        </p:spPr>
      </p:pic>
      <p:pic>
        <p:nvPicPr>
          <p:cNvPr id="8" name="Pladsholder til billede 7">
            <a:extLst>
              <a:ext uri="{FF2B5EF4-FFF2-40B4-BE49-F238E27FC236}">
                <a16:creationId xmlns:a16="http://schemas.microsoft.com/office/drawing/2014/main" id="{445CC6C9-C4B3-4147-8938-31F070EB4873}"/>
              </a:ext>
            </a:extLst>
          </p:cNvPr>
          <p:cNvPicPr>
            <a:picLocks noGrp="1" noChangeAspect="1"/>
          </p:cNvPicPr>
          <p:nvPr>
            <p:ph type="pic" idx="13"/>
          </p:nvPr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8003" t="-45698" r="-15509" b="-40932"/>
          <a:stretch/>
        </p:blipFill>
        <p:spPr>
          <a:xfrm>
            <a:off x="6364288" y="2274889"/>
            <a:ext cx="2325687" cy="2143896"/>
          </a:xfrm>
          <a:solidFill>
            <a:schemeClr val="bg1"/>
          </a:solidFill>
          <a:ln>
            <a:solidFill>
              <a:schemeClr val="accent5"/>
            </a:solidFill>
          </a:ln>
        </p:spPr>
      </p:pic>
      <p:pic>
        <p:nvPicPr>
          <p:cNvPr id="10" name="Pladsholder til billede 9" descr="Et billede, der indeholder tekst, maleri, farverig&#10;&#10;Automatisk genereret beskrivelse">
            <a:extLst>
              <a:ext uri="{FF2B5EF4-FFF2-40B4-BE49-F238E27FC236}">
                <a16:creationId xmlns:a16="http://schemas.microsoft.com/office/drawing/2014/main" id="{D97AF366-CD6D-43F6-B40E-BE838185D1FC}"/>
              </a:ext>
            </a:extLst>
          </p:cNvPr>
          <p:cNvPicPr>
            <a:picLocks noGrp="1" noChangeAspect="1"/>
          </p:cNvPicPr>
          <p:nvPr>
            <p:ph type="pic" idx="11"/>
          </p:nvPr>
        </p:nvPicPr>
        <p:blipFill rotWithShape="1">
          <a:blip r:embed="rId5">
            <a:alphaModFix amt="35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3210" r="19674"/>
          <a:stretch/>
        </p:blipFill>
        <p:spPr>
          <a:xfrm>
            <a:off x="4989513" y="3960814"/>
            <a:ext cx="2325687" cy="2143896"/>
          </a:xfrm>
        </p:spPr>
      </p:pic>
      <p:sp>
        <p:nvSpPr>
          <p:cNvPr id="17" name="Rektangel 16">
            <a:extLst>
              <a:ext uri="{FF2B5EF4-FFF2-40B4-BE49-F238E27FC236}">
                <a16:creationId xmlns:a16="http://schemas.microsoft.com/office/drawing/2014/main" id="{EFA3F0E7-1DBA-47D8-8685-1CE599459759}"/>
              </a:ext>
            </a:extLst>
          </p:cNvPr>
          <p:cNvSpPr/>
          <p:nvPr/>
        </p:nvSpPr>
        <p:spPr>
          <a:xfrm>
            <a:off x="8731045" y="199103"/>
            <a:ext cx="324465" cy="1637071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8B194337-0E4C-452F-A052-153D90ABD1D6}"/>
              </a:ext>
            </a:extLst>
          </p:cNvPr>
          <p:cNvSpPr/>
          <p:nvPr/>
        </p:nvSpPr>
        <p:spPr>
          <a:xfrm>
            <a:off x="103013" y="6238568"/>
            <a:ext cx="1143000" cy="538316"/>
          </a:xfrm>
          <a:prstGeom prst="rect">
            <a:avLst/>
          </a:prstGeom>
          <a:solidFill>
            <a:schemeClr val="bg1">
              <a:alpha val="54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87C69425-52C7-4AB3-899E-2E9693258924}"/>
              </a:ext>
            </a:extLst>
          </p:cNvPr>
          <p:cNvSpPr/>
          <p:nvPr/>
        </p:nvSpPr>
        <p:spPr>
          <a:xfrm flipV="1">
            <a:off x="7557615" y="6353384"/>
            <a:ext cx="1371883" cy="368063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3" name="Footer Placeholder 4">
            <a:extLst>
              <a:ext uri="{FF2B5EF4-FFF2-40B4-BE49-F238E27FC236}">
                <a16:creationId xmlns:a16="http://schemas.microsoft.com/office/drawing/2014/main" id="{BFF80F15-894F-4600-9463-489E330D5811}"/>
              </a:ext>
            </a:extLst>
          </p:cNvPr>
          <p:cNvSpPr txBox="1">
            <a:spLocks/>
          </p:cNvSpPr>
          <p:nvPr/>
        </p:nvSpPr>
        <p:spPr>
          <a:xfrm>
            <a:off x="7457860" y="34960"/>
            <a:ext cx="1873875" cy="324467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 dirty="0">
                <a:solidFill>
                  <a:schemeClr val="bg1">
                    <a:lumMod val="65000"/>
                  </a:schemeClr>
                </a:solidFill>
              </a:rPr>
              <a:t>#SDUANALYTICS</a:t>
            </a:r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B929A1D5-DAD3-4D3D-86D1-B31F47BC15ED}"/>
              </a:ext>
            </a:extLst>
          </p:cNvPr>
          <p:cNvSpPr/>
          <p:nvPr/>
        </p:nvSpPr>
        <p:spPr>
          <a:xfrm>
            <a:off x="233090" y="220645"/>
            <a:ext cx="1159775" cy="324468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128175465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894CB6-721F-4559-A1D3-11BF4A991363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7610C92B-3E20-43FF-9741-D802DC65CBD0}" type="datetime1">
              <a:rPr lang="da-DK" smtClean="0"/>
              <a:t>23-06-2021</a:t>
            </a:fld>
            <a:endParaRPr lang="da-DK" dirty="0"/>
          </a:p>
        </p:txBody>
      </p:sp>
      <p:sp>
        <p:nvSpPr>
          <p:cNvPr id="37" name="Text Placeholder 10">
            <a:extLst>
              <a:ext uri="{FF2B5EF4-FFF2-40B4-BE49-F238E27FC236}">
                <a16:creationId xmlns:a16="http://schemas.microsoft.com/office/drawing/2014/main" id="{0D220A9A-D8C1-4F7F-9C87-28BC4B918E05}"/>
              </a:ext>
            </a:extLst>
          </p:cNvPr>
          <p:cNvSpPr txBox="1">
            <a:spLocks/>
          </p:cNvSpPr>
          <p:nvPr/>
        </p:nvSpPr>
        <p:spPr>
          <a:xfrm>
            <a:off x="1246012" y="618112"/>
            <a:ext cx="6452365" cy="826485"/>
          </a:xfrm>
          <a:prstGeom prst="rect">
            <a:avLst/>
          </a:prstGeom>
        </p:spPr>
        <p:txBody>
          <a:bodyPr/>
          <a:lstStyle>
            <a:lvl1pPr marL="251988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74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5962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988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3974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24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2021: </a:t>
            </a:r>
            <a:r>
              <a:rPr lang="da-DK" sz="2400" dirty="0" err="1">
                <a:solidFill>
                  <a:schemeClr val="tx1">
                    <a:lumMod val="75000"/>
                    <a:lumOff val="25000"/>
                  </a:schemeClr>
                </a:solidFill>
              </a:rPr>
              <a:t>SDU’s</a:t>
            </a:r>
            <a:r>
              <a:rPr lang="da-DK" sz="24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placering på verdensmål</a:t>
            </a:r>
          </a:p>
          <a:p>
            <a:pPr marL="0" indent="0">
              <a:buNone/>
            </a:pPr>
            <a:r>
              <a:rPr lang="da-DK" sz="18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Tre mål med den relativt bedste præstation + mål 17</a:t>
            </a:r>
          </a:p>
        </p:txBody>
      </p:sp>
      <p:pic>
        <p:nvPicPr>
          <p:cNvPr id="38" name="Content Placeholder 7">
            <a:extLst>
              <a:ext uri="{FF2B5EF4-FFF2-40B4-BE49-F238E27FC236}">
                <a16:creationId xmlns:a16="http://schemas.microsoft.com/office/drawing/2014/main" id="{CF531580-BC80-4870-8DF0-831CCBD3FA47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6" cstate="print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26785" y="522953"/>
            <a:ext cx="819228" cy="819228"/>
          </a:xfrm>
          <a:prstGeom prst="rect">
            <a:avLst/>
          </a:prstGeom>
        </p:spPr>
      </p:pic>
      <p:grpSp>
        <p:nvGrpSpPr>
          <p:cNvPr id="11" name="Gruppe 10">
            <a:extLst>
              <a:ext uri="{FF2B5EF4-FFF2-40B4-BE49-F238E27FC236}">
                <a16:creationId xmlns:a16="http://schemas.microsoft.com/office/drawing/2014/main" id="{66C20777-4862-4202-BB5A-3DD306B93B19}"/>
              </a:ext>
            </a:extLst>
          </p:cNvPr>
          <p:cNvGrpSpPr/>
          <p:nvPr/>
        </p:nvGrpSpPr>
        <p:grpSpPr>
          <a:xfrm>
            <a:off x="1419266" y="1642099"/>
            <a:ext cx="6935462" cy="1164964"/>
            <a:chOff x="1100138" y="1416506"/>
            <a:chExt cx="6039937" cy="1015371"/>
          </a:xfrm>
        </p:grpSpPr>
        <p:pic>
          <p:nvPicPr>
            <p:cNvPr id="7" name="Billede 6">
              <a:extLst>
                <a:ext uri="{FF2B5EF4-FFF2-40B4-BE49-F238E27FC236}">
                  <a16:creationId xmlns:a16="http://schemas.microsoft.com/office/drawing/2014/main" id="{B356B0C3-AB1E-4EE7-8D4A-2AE3AC2C01EA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7">
              <a:alphaModFix amt="85000"/>
            </a:blip>
            <a:srcRect l="353" t="6217" r="84797" b="1885"/>
            <a:stretch/>
          </p:blipFill>
          <p:spPr>
            <a:xfrm>
              <a:off x="1100138" y="1416506"/>
              <a:ext cx="2070790" cy="1015371"/>
            </a:xfrm>
            <a:prstGeom prst="rect">
              <a:avLst/>
            </a:prstGeom>
          </p:spPr>
        </p:pic>
        <p:pic>
          <p:nvPicPr>
            <p:cNvPr id="75" name="Billede 74">
              <a:extLst>
                <a:ext uri="{FF2B5EF4-FFF2-40B4-BE49-F238E27FC236}">
                  <a16:creationId xmlns:a16="http://schemas.microsoft.com/office/drawing/2014/main" id="{CB561E32-C201-4D80-9F63-7D29470B51DB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7">
              <a:alphaModFix amt="85000"/>
            </a:blip>
            <a:srcRect l="34109" t="6217" r="50688" b="1885"/>
            <a:stretch/>
          </p:blipFill>
          <p:spPr>
            <a:xfrm>
              <a:off x="2988660" y="1416506"/>
              <a:ext cx="2119967" cy="1015371"/>
            </a:xfrm>
            <a:prstGeom prst="rect">
              <a:avLst/>
            </a:prstGeom>
          </p:spPr>
        </p:pic>
        <p:pic>
          <p:nvPicPr>
            <p:cNvPr id="76" name="Billede 75">
              <a:extLst>
                <a:ext uri="{FF2B5EF4-FFF2-40B4-BE49-F238E27FC236}">
                  <a16:creationId xmlns:a16="http://schemas.microsoft.com/office/drawing/2014/main" id="{078262F9-2308-47FE-8F89-57D728A37D29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7">
              <a:alphaModFix amt="85000"/>
            </a:blip>
            <a:srcRect l="67406" t="6434" r="17391" b="2325"/>
            <a:stretch/>
          </p:blipFill>
          <p:spPr>
            <a:xfrm>
              <a:off x="5020108" y="1416506"/>
              <a:ext cx="2119967" cy="1008114"/>
            </a:xfrm>
            <a:prstGeom prst="rect">
              <a:avLst/>
            </a:prstGeom>
          </p:spPr>
        </p:pic>
      </p:grpSp>
      <p:grpSp>
        <p:nvGrpSpPr>
          <p:cNvPr id="14" name="Gruppe 13">
            <a:extLst>
              <a:ext uri="{FF2B5EF4-FFF2-40B4-BE49-F238E27FC236}">
                <a16:creationId xmlns:a16="http://schemas.microsoft.com/office/drawing/2014/main" id="{04EE4923-AE87-499F-840A-378B215E3206}"/>
              </a:ext>
            </a:extLst>
          </p:cNvPr>
          <p:cNvGrpSpPr/>
          <p:nvPr/>
        </p:nvGrpSpPr>
        <p:grpSpPr>
          <a:xfrm>
            <a:off x="1419266" y="2807063"/>
            <a:ext cx="5457367" cy="3652013"/>
            <a:chOff x="2723598" y="2805981"/>
            <a:chExt cx="5457367" cy="3652013"/>
          </a:xfrm>
        </p:grpSpPr>
        <p:grpSp>
          <p:nvGrpSpPr>
            <p:cNvPr id="13" name="Gruppe 12">
              <a:extLst>
                <a:ext uri="{FF2B5EF4-FFF2-40B4-BE49-F238E27FC236}">
                  <a16:creationId xmlns:a16="http://schemas.microsoft.com/office/drawing/2014/main" id="{F7620384-E485-431C-B810-68360E379585}"/>
                </a:ext>
              </a:extLst>
            </p:cNvPr>
            <p:cNvGrpSpPr/>
            <p:nvPr/>
          </p:nvGrpSpPr>
          <p:grpSpPr>
            <a:xfrm>
              <a:off x="2723598" y="2805981"/>
              <a:ext cx="5457367" cy="3652013"/>
              <a:chOff x="2867164" y="2860219"/>
              <a:chExt cx="5457367" cy="3652013"/>
            </a:xfrm>
          </p:grpSpPr>
          <p:grpSp>
            <p:nvGrpSpPr>
              <p:cNvPr id="10" name="Gruppe 9">
                <a:extLst>
                  <a:ext uri="{FF2B5EF4-FFF2-40B4-BE49-F238E27FC236}">
                    <a16:creationId xmlns:a16="http://schemas.microsoft.com/office/drawing/2014/main" id="{63835A91-3983-4DA1-860E-502895FE4DE6}"/>
                  </a:ext>
                </a:extLst>
              </p:cNvPr>
              <p:cNvGrpSpPr>
                <a:grpSpLocks noChangeAspect="1"/>
              </p:cNvGrpSpPr>
              <p:nvPr/>
            </p:nvGrpSpPr>
            <p:grpSpPr>
              <a:xfrm>
                <a:off x="2867164" y="2860219"/>
                <a:ext cx="5457367" cy="3440133"/>
                <a:chOff x="2429191" y="2603702"/>
                <a:chExt cx="6381455" cy="4022647"/>
              </a:xfrm>
            </p:grpSpPr>
            <p:grpSp>
              <p:nvGrpSpPr>
                <p:cNvPr id="70" name="Gruppe 69">
                  <a:extLst>
                    <a:ext uri="{FF2B5EF4-FFF2-40B4-BE49-F238E27FC236}">
                      <a16:creationId xmlns:a16="http://schemas.microsoft.com/office/drawing/2014/main" id="{A57C1767-FD24-49D0-808E-6EA01622396B}"/>
                    </a:ext>
                  </a:extLst>
                </p:cNvPr>
                <p:cNvGrpSpPr/>
                <p:nvPr/>
              </p:nvGrpSpPr>
              <p:grpSpPr>
                <a:xfrm flipH="1">
                  <a:off x="7328692" y="3167694"/>
                  <a:ext cx="1481954" cy="483969"/>
                  <a:chOff x="5749594" y="1487743"/>
                  <a:chExt cx="1803365" cy="483969"/>
                </a:xfrm>
              </p:grpSpPr>
              <p:sp>
                <p:nvSpPr>
                  <p:cNvPr id="71" name="Billedforklaring: højrepil 70">
                    <a:extLst>
                      <a:ext uri="{FF2B5EF4-FFF2-40B4-BE49-F238E27FC236}">
                        <a16:creationId xmlns:a16="http://schemas.microsoft.com/office/drawing/2014/main" id="{1BFDA552-EA4D-48C8-A6D1-6647EE41DE7B}"/>
                      </a:ext>
                    </a:extLst>
                  </p:cNvPr>
                  <p:cNvSpPr/>
                  <p:nvPr/>
                </p:nvSpPr>
                <p:spPr>
                  <a:xfrm>
                    <a:off x="5749594" y="1487743"/>
                    <a:ext cx="1803365" cy="483969"/>
                  </a:xfrm>
                  <a:prstGeom prst="rightArrowCallout">
                    <a:avLst>
                      <a:gd name="adj1" fmla="val 25000"/>
                      <a:gd name="adj2" fmla="val 28640"/>
                      <a:gd name="adj3" fmla="val 46845"/>
                      <a:gd name="adj4" fmla="val 58661"/>
                    </a:avLst>
                  </a:prstGeom>
                  <a:solidFill>
                    <a:schemeClr val="bg1"/>
                  </a:solidFill>
                  <a:ln w="12700">
                    <a:solidFill>
                      <a:schemeClr val="bg1">
                        <a:lumMod val="65000"/>
                      </a:schemeClr>
                    </a:solidFill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lIns="72000" tIns="72000" rIns="72000" bIns="72000" rtlCol="0" anchor="ctr"/>
                  <a:lstStyle/>
                  <a:p>
                    <a:pPr algn="ctr"/>
                    <a:r>
                      <a:rPr lang="da-DK" sz="1100" dirty="0">
                        <a:solidFill>
                          <a:srgbClr val="505050"/>
                        </a:solidFill>
                      </a:rPr>
                      <a:t>  = SDU</a:t>
                    </a:r>
                  </a:p>
                </p:txBody>
              </p:sp>
              <p:sp>
                <p:nvSpPr>
                  <p:cNvPr id="72" name="Ellipse 71">
                    <a:extLst>
                      <a:ext uri="{FF2B5EF4-FFF2-40B4-BE49-F238E27FC236}">
                        <a16:creationId xmlns:a16="http://schemas.microsoft.com/office/drawing/2014/main" id="{6FCAAEB9-D0F0-4A10-AEC6-D8FF2EAA4B76}"/>
                      </a:ext>
                    </a:extLst>
                  </p:cNvPr>
                  <p:cNvSpPr/>
                  <p:nvPr/>
                </p:nvSpPr>
                <p:spPr>
                  <a:xfrm>
                    <a:off x="6575199" y="1668308"/>
                    <a:ext cx="118256" cy="106068"/>
                  </a:xfrm>
                  <a:prstGeom prst="ellipse">
                    <a:avLst/>
                  </a:prstGeom>
                  <a:solidFill>
                    <a:schemeClr val="tx1">
                      <a:lumMod val="75000"/>
                      <a:lumOff val="25000"/>
                    </a:schemeClr>
                  </a:solidFill>
                  <a:ln>
                    <a:noFill/>
                  </a:ln>
                </p:spPr>
                <p:style>
                  <a:lnRef idx="2">
                    <a:schemeClr val="accent1">
                      <a:shade val="50000"/>
                    </a:schemeClr>
                  </a:lnRef>
                  <a:fillRef idx="1">
                    <a:schemeClr val="accent1"/>
                  </a:fillRef>
                  <a:effectRef idx="0">
                    <a:schemeClr val="accent1"/>
                  </a:effectRef>
                  <a:fontRef idx="minor">
                    <a:schemeClr val="lt1"/>
                  </a:fontRef>
                </p:style>
                <p:txBody>
                  <a:bodyPr lIns="72000" tIns="72000" rIns="72000" bIns="72000" rtlCol="0" anchor="ctr"/>
                  <a:lstStyle/>
                  <a:p>
                    <a:pPr algn="ctr"/>
                    <a:endParaRPr lang="da-DK" sz="1600" dirty="0" err="1"/>
                  </a:p>
                </p:txBody>
              </p:sp>
            </p:grpSp>
            <p:grpSp>
              <p:nvGrpSpPr>
                <p:cNvPr id="9" name="Gruppe 8">
                  <a:extLst>
                    <a:ext uri="{FF2B5EF4-FFF2-40B4-BE49-F238E27FC236}">
                      <a16:creationId xmlns:a16="http://schemas.microsoft.com/office/drawing/2014/main" id="{F9279679-B44E-431F-B9D2-C9E77FABF182}"/>
                    </a:ext>
                  </a:extLst>
                </p:cNvPr>
                <p:cNvGrpSpPr/>
                <p:nvPr/>
              </p:nvGrpSpPr>
              <p:grpSpPr>
                <a:xfrm>
                  <a:off x="2429191" y="2603702"/>
                  <a:ext cx="4239854" cy="4022647"/>
                  <a:chOff x="1737355" y="1689302"/>
                  <a:chExt cx="4239854" cy="4022647"/>
                </a:xfrm>
              </p:grpSpPr>
              <p:pic>
                <p:nvPicPr>
                  <p:cNvPr id="66" name="Billede 65">
                    <a:extLst>
                      <a:ext uri="{FF2B5EF4-FFF2-40B4-BE49-F238E27FC236}">
                        <a16:creationId xmlns:a16="http://schemas.microsoft.com/office/drawing/2014/main" id="{F46C9A94-33C4-41EB-A11D-A77DE8AE01D2}"/>
                      </a:ext>
                    </a:extLst>
                  </p:cNvPr>
                  <p:cNvPicPr>
                    <a:picLocks noChangeAspect="1"/>
                  </p:cNvPicPr>
                  <p:nvPr/>
                </p:nvPicPr>
                <p:blipFill rotWithShape="1">
                  <a:blip r:embed="rId8"/>
                  <a:srcRect l="42414" t="11435" r="52470" b="17826"/>
                  <a:stretch/>
                </p:blipFill>
                <p:spPr>
                  <a:xfrm>
                    <a:off x="1737355" y="1689302"/>
                    <a:ext cx="1063597" cy="4015695"/>
                  </a:xfrm>
                  <a:prstGeom prst="rect">
                    <a:avLst/>
                  </a:prstGeom>
                </p:spPr>
              </p:pic>
              <p:pic>
                <p:nvPicPr>
                  <p:cNvPr id="73" name="Billede 72">
                    <a:extLst>
                      <a:ext uri="{FF2B5EF4-FFF2-40B4-BE49-F238E27FC236}">
                        <a16:creationId xmlns:a16="http://schemas.microsoft.com/office/drawing/2014/main" id="{7B0AB018-AC8C-471D-BCB0-FD7314331754}"/>
                      </a:ext>
                    </a:extLst>
                  </p:cNvPr>
                  <p:cNvPicPr>
                    <a:picLocks noChangeAspect="1"/>
                  </p:cNvPicPr>
                  <p:nvPr/>
                </p:nvPicPr>
                <p:blipFill rotWithShape="1">
                  <a:blip r:embed="rId8"/>
                  <a:srcRect l="53279" t="11435" r="41605" b="17826"/>
                  <a:stretch/>
                </p:blipFill>
                <p:spPr>
                  <a:xfrm>
                    <a:off x="2729064" y="1689302"/>
                    <a:ext cx="1063597" cy="4015695"/>
                  </a:xfrm>
                  <a:prstGeom prst="rect">
                    <a:avLst/>
                  </a:prstGeom>
                </p:spPr>
              </p:pic>
              <p:pic>
                <p:nvPicPr>
                  <p:cNvPr id="74" name="Billede 73">
                    <a:extLst>
                      <a:ext uri="{FF2B5EF4-FFF2-40B4-BE49-F238E27FC236}">
                        <a16:creationId xmlns:a16="http://schemas.microsoft.com/office/drawing/2014/main" id="{3E026B09-218C-4B91-AB79-3FCA7F35C3F5}"/>
                      </a:ext>
                    </a:extLst>
                  </p:cNvPr>
                  <p:cNvPicPr>
                    <a:picLocks noChangeAspect="1"/>
                  </p:cNvPicPr>
                  <p:nvPr/>
                </p:nvPicPr>
                <p:blipFill rotWithShape="1">
                  <a:blip r:embed="rId8"/>
                  <a:srcRect l="85538" t="11512" r="3749" b="17749"/>
                  <a:stretch/>
                </p:blipFill>
                <p:spPr>
                  <a:xfrm>
                    <a:off x="3750010" y="1696254"/>
                    <a:ext cx="2227199" cy="4015695"/>
                  </a:xfrm>
                  <a:prstGeom prst="rect">
                    <a:avLst/>
                  </a:prstGeom>
                </p:spPr>
              </p:pic>
            </p:grpSp>
          </p:grpSp>
          <p:sp>
            <p:nvSpPr>
              <p:cNvPr id="12" name="Tekstfelt 11">
                <a:extLst>
                  <a:ext uri="{FF2B5EF4-FFF2-40B4-BE49-F238E27FC236}">
                    <a16:creationId xmlns:a16="http://schemas.microsoft.com/office/drawing/2014/main" id="{85546BD9-1665-408B-9D5D-AAFC146D8A0C}"/>
                  </a:ext>
                </a:extLst>
              </p:cNvPr>
              <p:cNvSpPr txBox="1"/>
              <p:nvPr/>
            </p:nvSpPr>
            <p:spPr>
              <a:xfrm>
                <a:off x="2954957" y="6296788"/>
                <a:ext cx="595476" cy="21544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r>
                  <a:rPr lang="da-DK" sz="14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SDG 8</a:t>
                </a:r>
              </a:p>
            </p:txBody>
          </p:sp>
          <p:sp>
            <p:nvSpPr>
              <p:cNvPr id="77" name="Tekstfelt 76">
                <a:extLst>
                  <a:ext uri="{FF2B5EF4-FFF2-40B4-BE49-F238E27FC236}">
                    <a16:creationId xmlns:a16="http://schemas.microsoft.com/office/drawing/2014/main" id="{DA03AD17-E0AA-4945-B344-DF35875E78AB}"/>
                  </a:ext>
                </a:extLst>
              </p:cNvPr>
              <p:cNvSpPr txBox="1"/>
              <p:nvPr/>
            </p:nvSpPr>
            <p:spPr>
              <a:xfrm>
                <a:off x="3797086" y="6296788"/>
                <a:ext cx="689729" cy="21544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r>
                  <a:rPr lang="da-DK" sz="14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SDG 10</a:t>
                </a:r>
              </a:p>
            </p:txBody>
          </p:sp>
          <p:sp>
            <p:nvSpPr>
              <p:cNvPr id="78" name="Tekstfelt 77">
                <a:extLst>
                  <a:ext uri="{FF2B5EF4-FFF2-40B4-BE49-F238E27FC236}">
                    <a16:creationId xmlns:a16="http://schemas.microsoft.com/office/drawing/2014/main" id="{CADB2981-45D6-44F2-9425-E89DE2F11C62}"/>
                  </a:ext>
                </a:extLst>
              </p:cNvPr>
              <p:cNvSpPr txBox="1"/>
              <p:nvPr/>
            </p:nvSpPr>
            <p:spPr>
              <a:xfrm>
                <a:off x="4706665" y="6296788"/>
                <a:ext cx="689729" cy="21544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r>
                  <a:rPr lang="da-DK" sz="14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SDG 16</a:t>
                </a:r>
              </a:p>
            </p:txBody>
          </p:sp>
          <p:sp>
            <p:nvSpPr>
              <p:cNvPr id="79" name="Tekstfelt 78">
                <a:extLst>
                  <a:ext uri="{FF2B5EF4-FFF2-40B4-BE49-F238E27FC236}">
                    <a16:creationId xmlns:a16="http://schemas.microsoft.com/office/drawing/2014/main" id="{364AE331-17FF-4F93-B462-A377ED59DAE1}"/>
                  </a:ext>
                </a:extLst>
              </p:cNvPr>
              <p:cNvSpPr txBox="1"/>
              <p:nvPr/>
            </p:nvSpPr>
            <p:spPr>
              <a:xfrm>
                <a:off x="5677218" y="6296788"/>
                <a:ext cx="689729" cy="215444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r>
                  <a:rPr lang="da-DK" sz="1400" dirty="0">
                    <a:solidFill>
                      <a:schemeClr val="tx1">
                        <a:lumMod val="50000"/>
                        <a:lumOff val="50000"/>
                      </a:schemeClr>
                    </a:solidFill>
                  </a:rPr>
                  <a:t>SDG 17</a:t>
                </a:r>
              </a:p>
            </p:txBody>
          </p:sp>
        </p:grpSp>
        <p:sp>
          <p:nvSpPr>
            <p:cNvPr id="80" name="Ellipse 79">
              <a:extLst>
                <a:ext uri="{FF2B5EF4-FFF2-40B4-BE49-F238E27FC236}">
                  <a16:creationId xmlns:a16="http://schemas.microsoft.com/office/drawing/2014/main" id="{C862D0F8-5C65-4E90-A4AC-32E776B964F1}"/>
                </a:ext>
              </a:extLst>
            </p:cNvPr>
            <p:cNvSpPr/>
            <p:nvPr/>
          </p:nvSpPr>
          <p:spPr>
            <a:xfrm flipH="1">
              <a:off x="5855355" y="3197594"/>
              <a:ext cx="83107" cy="90708"/>
            </a:xfrm>
            <a:prstGeom prst="ellipse">
              <a:avLst/>
            </a:pr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/>
            </a:p>
          </p:txBody>
        </p:sp>
        <p:sp>
          <p:nvSpPr>
            <p:cNvPr id="81" name="Ellipse 80">
              <a:extLst>
                <a:ext uri="{FF2B5EF4-FFF2-40B4-BE49-F238E27FC236}">
                  <a16:creationId xmlns:a16="http://schemas.microsoft.com/office/drawing/2014/main" id="{085B9150-0F57-443E-884F-13037D592DC1}"/>
                </a:ext>
              </a:extLst>
            </p:cNvPr>
            <p:cNvSpPr/>
            <p:nvPr/>
          </p:nvSpPr>
          <p:spPr>
            <a:xfrm flipH="1">
              <a:off x="4885353" y="3650484"/>
              <a:ext cx="83107" cy="90708"/>
            </a:xfrm>
            <a:prstGeom prst="ellipse">
              <a:avLst/>
            </a:pr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/>
            </a:p>
          </p:txBody>
        </p:sp>
        <p:sp>
          <p:nvSpPr>
            <p:cNvPr id="82" name="Ellipse 81">
              <a:extLst>
                <a:ext uri="{FF2B5EF4-FFF2-40B4-BE49-F238E27FC236}">
                  <a16:creationId xmlns:a16="http://schemas.microsoft.com/office/drawing/2014/main" id="{B47743C8-A1F3-4368-BB04-AB87317E2DA5}"/>
                </a:ext>
              </a:extLst>
            </p:cNvPr>
            <p:cNvSpPr/>
            <p:nvPr/>
          </p:nvSpPr>
          <p:spPr>
            <a:xfrm flipH="1">
              <a:off x="3925144" y="3534803"/>
              <a:ext cx="83107" cy="90708"/>
            </a:xfrm>
            <a:prstGeom prst="ellipse">
              <a:avLst/>
            </a:pr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/>
            </a:p>
          </p:txBody>
        </p:sp>
        <p:sp>
          <p:nvSpPr>
            <p:cNvPr id="83" name="Ellipse 82">
              <a:extLst>
                <a:ext uri="{FF2B5EF4-FFF2-40B4-BE49-F238E27FC236}">
                  <a16:creationId xmlns:a16="http://schemas.microsoft.com/office/drawing/2014/main" id="{67A83B4A-76FE-47E9-8B1D-F537AECB6EFA}"/>
                </a:ext>
              </a:extLst>
            </p:cNvPr>
            <p:cNvSpPr/>
            <p:nvPr/>
          </p:nvSpPr>
          <p:spPr>
            <a:xfrm flipH="1">
              <a:off x="3067575" y="3702188"/>
              <a:ext cx="83107" cy="90708"/>
            </a:xfrm>
            <a:prstGeom prst="ellipse">
              <a:avLst/>
            </a:prstGeom>
            <a:solidFill>
              <a:schemeClr val="tx1">
                <a:lumMod val="75000"/>
                <a:lumOff val="2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600" dirty="0" err="1"/>
            </a:p>
          </p:txBody>
        </p:sp>
      </p:grpSp>
      <p:sp>
        <p:nvSpPr>
          <p:cNvPr id="84" name="Rektangel 83">
            <a:extLst>
              <a:ext uri="{FF2B5EF4-FFF2-40B4-BE49-F238E27FC236}">
                <a16:creationId xmlns:a16="http://schemas.microsoft.com/office/drawing/2014/main" id="{CC04A20F-2780-4C84-87BF-E7F0E5A1F493}"/>
              </a:ext>
            </a:extLst>
          </p:cNvPr>
          <p:cNvSpPr/>
          <p:nvPr/>
        </p:nvSpPr>
        <p:spPr>
          <a:xfrm>
            <a:off x="103013" y="6238568"/>
            <a:ext cx="1143000" cy="538316"/>
          </a:xfrm>
          <a:prstGeom prst="rect">
            <a:avLst/>
          </a:prstGeom>
          <a:solidFill>
            <a:schemeClr val="bg1">
              <a:alpha val="54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6274542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ktangel 10">
            <a:extLst>
              <a:ext uri="{FF2B5EF4-FFF2-40B4-BE49-F238E27FC236}">
                <a16:creationId xmlns:a16="http://schemas.microsoft.com/office/drawing/2014/main" id="{ADEB3973-19F6-4FCC-968E-2F414F9AAC68}"/>
              </a:ext>
            </a:extLst>
          </p:cNvPr>
          <p:cNvSpPr/>
          <p:nvPr/>
        </p:nvSpPr>
        <p:spPr>
          <a:xfrm>
            <a:off x="103013" y="6238568"/>
            <a:ext cx="1143000" cy="538316"/>
          </a:xfrm>
          <a:prstGeom prst="rect">
            <a:avLst/>
          </a:prstGeom>
          <a:solidFill>
            <a:schemeClr val="bg1">
              <a:alpha val="54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76C102BB-A383-4CCA-B5B3-2E1F7867D317}"/>
              </a:ext>
            </a:extLst>
          </p:cNvPr>
          <p:cNvSpPr txBox="1">
            <a:spLocks/>
          </p:cNvSpPr>
          <p:nvPr/>
        </p:nvSpPr>
        <p:spPr>
          <a:xfrm>
            <a:off x="7457860" y="34960"/>
            <a:ext cx="1873875" cy="324467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 dirty="0">
                <a:solidFill>
                  <a:schemeClr val="bg1">
                    <a:lumMod val="65000"/>
                  </a:schemeClr>
                </a:solidFill>
              </a:rPr>
              <a:t>#SDUANALYTICS</a:t>
            </a:r>
          </a:p>
        </p:txBody>
      </p:sp>
      <p:sp>
        <p:nvSpPr>
          <p:cNvPr id="15" name="Text Placeholder 10">
            <a:extLst>
              <a:ext uri="{FF2B5EF4-FFF2-40B4-BE49-F238E27FC236}">
                <a16:creationId xmlns:a16="http://schemas.microsoft.com/office/drawing/2014/main" id="{8B18B7EE-B7D2-42FD-8681-BA9B9F181652}"/>
              </a:ext>
            </a:extLst>
          </p:cNvPr>
          <p:cNvSpPr txBox="1">
            <a:spLocks/>
          </p:cNvSpPr>
          <p:nvPr/>
        </p:nvSpPr>
        <p:spPr>
          <a:xfrm>
            <a:off x="1246012" y="618112"/>
            <a:ext cx="6643954" cy="826485"/>
          </a:xfrm>
          <a:prstGeom prst="rect">
            <a:avLst/>
          </a:prstGeom>
        </p:spPr>
        <p:txBody>
          <a:bodyPr/>
          <a:lstStyle>
            <a:lvl1pPr marL="251988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74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5962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988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3974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24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DG 4: KVALITETSUDDANNELSE</a:t>
            </a:r>
          </a:p>
          <a:p>
            <a:pPr marL="0" indent="0">
              <a:buNone/>
            </a:pPr>
            <a:r>
              <a:rPr lang="da-DK" sz="18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Grundskole uddannelse, livslang læring &amp; inkluderende optag</a:t>
            </a:r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pic>
        <p:nvPicPr>
          <p:cNvPr id="10" name="Content Placeholder 7">
            <a:extLst>
              <a:ext uri="{FF2B5EF4-FFF2-40B4-BE49-F238E27FC236}">
                <a16:creationId xmlns:a16="http://schemas.microsoft.com/office/drawing/2014/main" id="{DADEB4F9-88D9-4437-B350-A79FBFDA9F20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4" cstate="print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26785" y="522953"/>
            <a:ext cx="819228" cy="819228"/>
          </a:xfrm>
          <a:prstGeom prst="rect">
            <a:avLst/>
          </a:prstGeom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306152D6-4DA2-4966-8BF3-B53DFD764D25}"/>
              </a:ext>
            </a:extLst>
          </p:cNvPr>
          <p:cNvSpPr txBox="1"/>
          <p:nvPr/>
        </p:nvSpPr>
        <p:spPr>
          <a:xfrm>
            <a:off x="836399" y="1512828"/>
            <a:ext cx="7297508" cy="430887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>
                <a:solidFill>
                  <a:schemeClr val="tx1">
                    <a:lumMod val="50000"/>
                    <a:lumOff val="50000"/>
                  </a:schemeClr>
                </a:solidFill>
              </a:rPr>
              <a:t>Forskning i uddannelseskvalitet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>
                <a:solidFill>
                  <a:schemeClr val="tx1">
                    <a:lumMod val="50000"/>
                    <a:lumOff val="50000"/>
                  </a:schemeClr>
                </a:solidFill>
              </a:rPr>
              <a:t>Dimittender som kan undervise i grundskol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>
                <a:solidFill>
                  <a:schemeClr val="tx1">
                    <a:lumMod val="50000"/>
                    <a:lumOff val="50000"/>
                  </a:schemeClr>
                </a:solidFill>
              </a:rPr>
              <a:t>Livslang læring (events, kurser og </a:t>
            </a:r>
            <a:r>
              <a:rPr lang="da-DK" dirty="0" err="1">
                <a:solidFill>
                  <a:schemeClr val="tx1">
                    <a:lumMod val="50000"/>
                    <a:lumOff val="50000"/>
                  </a:schemeClr>
                </a:solidFill>
              </a:rPr>
              <a:t>efterudd</a:t>
            </a:r>
            <a:r>
              <a:rPr lang="da-DK" dirty="0">
                <a:solidFill>
                  <a:schemeClr val="tx1">
                    <a:lumMod val="50000"/>
                    <a:lumOff val="50000"/>
                  </a:schemeClr>
                </a:solidFill>
              </a:rPr>
              <a:t>., policy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dirty="0">
                <a:solidFill>
                  <a:schemeClr val="tx1">
                    <a:lumMod val="50000"/>
                    <a:lumOff val="50000"/>
                  </a:schemeClr>
                </a:solidFill>
              </a:rPr>
              <a:t>Første-generations studerend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  <a:p>
            <a:r>
              <a:rPr lang="da-DK" dirty="0">
                <a:solidFill>
                  <a:schemeClr val="bg1">
                    <a:lumMod val="65000"/>
                  </a:schemeClr>
                </a:solidFill>
              </a:rPr>
              <a:t>OBS:</a:t>
            </a:r>
          </a:p>
          <a:p>
            <a:pPr marL="342900" indent="-342900">
              <a:buFont typeface="+mj-lt"/>
              <a:buAutoNum type="arabicPeriod"/>
            </a:pPr>
            <a:r>
              <a:rPr lang="da-DK" sz="1600" dirty="0">
                <a:solidFill>
                  <a:schemeClr val="bg1">
                    <a:lumMod val="65000"/>
                  </a:schemeClr>
                </a:solidFill>
              </a:rPr>
              <a:t>Kategorien bør ikke fortolkes som </a:t>
            </a:r>
            <a:r>
              <a:rPr lang="da-DK" sz="1600" i="1" dirty="0">
                <a:solidFill>
                  <a:schemeClr val="bg1">
                    <a:lumMod val="65000"/>
                  </a:schemeClr>
                </a:solidFill>
              </a:rPr>
              <a:t>kvaliteten</a:t>
            </a:r>
            <a:r>
              <a:rPr lang="da-DK" sz="1600" dirty="0">
                <a:solidFill>
                  <a:schemeClr val="bg1">
                    <a:lumMod val="65000"/>
                  </a:schemeClr>
                </a:solidFill>
              </a:rPr>
              <a:t> af undervisning eller uddannelse</a:t>
            </a:r>
          </a:p>
          <a:p>
            <a:pPr marL="342900" indent="-342900">
              <a:buFont typeface="+mj-lt"/>
              <a:buAutoNum type="arabicPeriod"/>
            </a:pPr>
            <a:endParaRPr lang="da-DK" sz="1600" dirty="0">
              <a:solidFill>
                <a:schemeClr val="bg1">
                  <a:lumMod val="65000"/>
                </a:schemeClr>
              </a:solidFill>
            </a:endParaRPr>
          </a:p>
          <a:p>
            <a:pPr marL="342900" indent="-342900">
              <a:buFont typeface="+mj-lt"/>
              <a:buAutoNum type="arabicPeriod"/>
            </a:pPr>
            <a:r>
              <a:rPr lang="da-DK" sz="1600" dirty="0">
                <a:solidFill>
                  <a:schemeClr val="bg1">
                    <a:lumMod val="65000"/>
                  </a:schemeClr>
                </a:solidFill>
              </a:rPr>
              <a:t>Stort fokus på bidraget til samfundets uddannelsesniveau (tidligt), med link til social ligestilling (SDG 1 &amp; 10) samt fair og bæredygtig udvikling (SDG 8)</a:t>
            </a:r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7905522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ktangel 10">
            <a:extLst>
              <a:ext uri="{FF2B5EF4-FFF2-40B4-BE49-F238E27FC236}">
                <a16:creationId xmlns:a16="http://schemas.microsoft.com/office/drawing/2014/main" id="{ADEB3973-19F6-4FCC-968E-2F414F9AAC68}"/>
              </a:ext>
            </a:extLst>
          </p:cNvPr>
          <p:cNvSpPr/>
          <p:nvPr/>
        </p:nvSpPr>
        <p:spPr>
          <a:xfrm>
            <a:off x="103013" y="6238568"/>
            <a:ext cx="1143000" cy="538316"/>
          </a:xfrm>
          <a:prstGeom prst="rect">
            <a:avLst/>
          </a:prstGeom>
          <a:solidFill>
            <a:schemeClr val="bg1">
              <a:alpha val="54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3" name="Footer Placeholder 4">
            <a:extLst>
              <a:ext uri="{FF2B5EF4-FFF2-40B4-BE49-F238E27FC236}">
                <a16:creationId xmlns:a16="http://schemas.microsoft.com/office/drawing/2014/main" id="{76C102BB-A383-4CCA-B5B3-2E1F7867D317}"/>
              </a:ext>
            </a:extLst>
          </p:cNvPr>
          <p:cNvSpPr txBox="1">
            <a:spLocks/>
          </p:cNvSpPr>
          <p:nvPr/>
        </p:nvSpPr>
        <p:spPr>
          <a:xfrm>
            <a:off x="7457860" y="34960"/>
            <a:ext cx="1873875" cy="324467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400" dirty="0">
                <a:solidFill>
                  <a:schemeClr val="bg1">
                    <a:lumMod val="65000"/>
                  </a:schemeClr>
                </a:solidFill>
              </a:rPr>
              <a:t>#SDUANALYTICS</a:t>
            </a:r>
          </a:p>
        </p:txBody>
      </p:sp>
      <p:sp>
        <p:nvSpPr>
          <p:cNvPr id="15" name="Text Placeholder 10">
            <a:extLst>
              <a:ext uri="{FF2B5EF4-FFF2-40B4-BE49-F238E27FC236}">
                <a16:creationId xmlns:a16="http://schemas.microsoft.com/office/drawing/2014/main" id="{8B18B7EE-B7D2-42FD-8681-BA9B9F181652}"/>
              </a:ext>
            </a:extLst>
          </p:cNvPr>
          <p:cNvSpPr txBox="1">
            <a:spLocks/>
          </p:cNvSpPr>
          <p:nvPr/>
        </p:nvSpPr>
        <p:spPr>
          <a:xfrm>
            <a:off x="1246012" y="618112"/>
            <a:ext cx="7727300" cy="826485"/>
          </a:xfrm>
          <a:prstGeom prst="rect">
            <a:avLst/>
          </a:prstGeom>
        </p:spPr>
        <p:txBody>
          <a:bodyPr/>
          <a:lstStyle>
            <a:lvl1pPr marL="251988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74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5962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988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3974" indent="-251988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354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24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DG 4: KVALITETSUDDANNELSE</a:t>
            </a:r>
          </a:p>
          <a:p>
            <a:pPr marL="0" indent="0">
              <a:buNone/>
            </a:pPr>
            <a:r>
              <a:rPr lang="da-DK" sz="1800" dirty="0">
                <a:solidFill>
                  <a:schemeClr val="tx1">
                    <a:lumMod val="50000"/>
                    <a:lumOff val="50000"/>
                  </a:schemeClr>
                </a:solidFill>
              </a:rPr>
              <a:t>Konkurrencen er stor i denne kategori</a:t>
            </a:r>
            <a:endParaRPr lang="da-DK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2E3BC2D1-7D67-48A6-AC6F-99FB3DF5C00D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479" t="2847" r="1481" b="3344"/>
          <a:stretch/>
        </p:blipFill>
        <p:spPr>
          <a:xfrm>
            <a:off x="1209043" y="4001403"/>
            <a:ext cx="7185754" cy="2129577"/>
          </a:xfrm>
          <a:prstGeom prst="rect">
            <a:avLst/>
          </a:prstGeom>
        </p:spPr>
      </p:pic>
      <p:pic>
        <p:nvPicPr>
          <p:cNvPr id="10" name="Content Placeholder 7">
            <a:extLst>
              <a:ext uri="{FF2B5EF4-FFF2-40B4-BE49-F238E27FC236}">
                <a16:creationId xmlns:a16="http://schemas.microsoft.com/office/drawing/2014/main" id="{DADEB4F9-88D9-4437-B350-A79FBFDA9F20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5" cstate="print">
            <a:duotone>
              <a:schemeClr val="accent5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26785" y="522953"/>
            <a:ext cx="819228" cy="819228"/>
          </a:xfrm>
          <a:prstGeom prst="rect">
            <a:avLst/>
          </a:prstGeom>
        </p:spPr>
      </p:pic>
      <p:pic>
        <p:nvPicPr>
          <p:cNvPr id="3" name="Billede 2">
            <a:extLst>
              <a:ext uri="{FF2B5EF4-FFF2-40B4-BE49-F238E27FC236}">
                <a16:creationId xmlns:a16="http://schemas.microsoft.com/office/drawing/2014/main" id="{886784EC-FA72-4F6E-9430-4DFC9965991E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86" t="3103" r="660" b="2372"/>
          <a:stretch/>
        </p:blipFill>
        <p:spPr>
          <a:xfrm>
            <a:off x="1222711" y="1593068"/>
            <a:ext cx="7220854" cy="2091682"/>
          </a:xfrm>
          <a:prstGeom prst="rect">
            <a:avLst/>
          </a:prstGeom>
        </p:spPr>
      </p:pic>
      <p:sp>
        <p:nvSpPr>
          <p:cNvPr id="4" name="Tekstfelt 3">
            <a:extLst>
              <a:ext uri="{FF2B5EF4-FFF2-40B4-BE49-F238E27FC236}">
                <a16:creationId xmlns:a16="http://schemas.microsoft.com/office/drawing/2014/main" id="{9DAF1FA1-F5F7-41F7-8F51-B93E190DFB9E}"/>
              </a:ext>
            </a:extLst>
          </p:cNvPr>
          <p:cNvSpPr txBox="1"/>
          <p:nvPr/>
        </p:nvSpPr>
        <p:spPr>
          <a:xfrm rot="16200000">
            <a:off x="359891" y="4501196"/>
            <a:ext cx="95301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400" spc="300" dirty="0">
                <a:solidFill>
                  <a:schemeClr val="tx1">
                    <a:lumMod val="65000"/>
                    <a:lumOff val="35000"/>
                  </a:schemeClr>
                </a:solidFill>
              </a:rPr>
              <a:t>2020</a:t>
            </a:r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2E4502C0-4DDC-4A59-948F-9E68D7D13591}"/>
              </a:ext>
            </a:extLst>
          </p:cNvPr>
          <p:cNvSpPr txBox="1"/>
          <p:nvPr/>
        </p:nvSpPr>
        <p:spPr>
          <a:xfrm rot="16200000">
            <a:off x="382671" y="2471982"/>
            <a:ext cx="95301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400" spc="300" dirty="0">
                <a:solidFill>
                  <a:schemeClr val="tx1">
                    <a:lumMod val="65000"/>
                    <a:lumOff val="35000"/>
                  </a:schemeClr>
                </a:solidFill>
              </a:rPr>
              <a:t>2021</a:t>
            </a:r>
          </a:p>
        </p:txBody>
      </p:sp>
      <p:cxnSp>
        <p:nvCxnSpPr>
          <p:cNvPr id="6" name="Lige forbindelse 5">
            <a:extLst>
              <a:ext uri="{FF2B5EF4-FFF2-40B4-BE49-F238E27FC236}">
                <a16:creationId xmlns:a16="http://schemas.microsoft.com/office/drawing/2014/main" id="{C445693E-6E13-4ADC-B39F-6FE87BD26004}"/>
              </a:ext>
            </a:extLst>
          </p:cNvPr>
          <p:cNvCxnSpPr/>
          <p:nvPr/>
        </p:nvCxnSpPr>
        <p:spPr>
          <a:xfrm>
            <a:off x="528385" y="3849942"/>
            <a:ext cx="8327167" cy="0"/>
          </a:xfrm>
          <a:prstGeom prst="line">
            <a:avLst/>
          </a:prstGeom>
          <a:ln w="28575">
            <a:solidFill>
              <a:schemeClr val="bg1">
                <a:lumMod val="6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Ellipse 13">
            <a:extLst>
              <a:ext uri="{FF2B5EF4-FFF2-40B4-BE49-F238E27FC236}">
                <a16:creationId xmlns:a16="http://schemas.microsoft.com/office/drawing/2014/main" id="{E0C1F1CA-8DF6-4737-84EA-2E3A17ED4FB0}"/>
              </a:ext>
            </a:extLst>
          </p:cNvPr>
          <p:cNvSpPr/>
          <p:nvPr/>
        </p:nvSpPr>
        <p:spPr>
          <a:xfrm>
            <a:off x="1938528" y="5064321"/>
            <a:ext cx="1490472" cy="685800"/>
          </a:xfrm>
          <a:prstGeom prst="ellipse">
            <a:avLst/>
          </a:prstGeom>
          <a:noFill/>
          <a:ln w="38100"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6" name="Ellipse 15">
            <a:extLst>
              <a:ext uri="{FF2B5EF4-FFF2-40B4-BE49-F238E27FC236}">
                <a16:creationId xmlns:a16="http://schemas.microsoft.com/office/drawing/2014/main" id="{E30E97C5-BDFB-47A2-BE3D-B06D54E23401}"/>
              </a:ext>
            </a:extLst>
          </p:cNvPr>
          <p:cNvSpPr/>
          <p:nvPr/>
        </p:nvSpPr>
        <p:spPr>
          <a:xfrm>
            <a:off x="2103120" y="2488285"/>
            <a:ext cx="1490472" cy="685800"/>
          </a:xfrm>
          <a:prstGeom prst="ellipse">
            <a:avLst/>
          </a:prstGeom>
          <a:noFill/>
          <a:ln w="38100"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extLst>
      <p:ext uri="{BB962C8B-B14F-4D97-AF65-F5344CB8AC3E}">
        <p14:creationId xmlns:p14="http://schemas.microsoft.com/office/powerpoint/2010/main" val="298247971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Rectangle 26">
            <a:extLst>
              <a:ext uri="{FF2B5EF4-FFF2-40B4-BE49-F238E27FC236}">
                <a16:creationId xmlns:a16="http://schemas.microsoft.com/office/drawing/2014/main" id="{DAAF0E39-8064-419D-A171-F9992E0D5471}"/>
              </a:ext>
            </a:extLst>
          </p:cNvPr>
          <p:cNvSpPr/>
          <p:nvPr/>
        </p:nvSpPr>
        <p:spPr>
          <a:xfrm>
            <a:off x="5030465" y="4334734"/>
            <a:ext cx="3590141" cy="761775"/>
          </a:xfrm>
          <a:prstGeom prst="rect">
            <a:avLst/>
          </a:prstGeom>
          <a:noFill/>
          <a:ln w="3810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ko-KR" altLang="en-US" sz="2025"/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470409DC-80B8-4DCE-BD5E-7C63278BCB50}"/>
              </a:ext>
            </a:extLst>
          </p:cNvPr>
          <p:cNvSpPr/>
          <p:nvPr/>
        </p:nvSpPr>
        <p:spPr>
          <a:xfrm>
            <a:off x="4746688" y="4461975"/>
            <a:ext cx="509621" cy="503139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ko-KR" altLang="en-US" sz="2025" dirty="0"/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BF6E5FE2-FA3F-42C5-9A36-B7BDADEDB6D4}"/>
              </a:ext>
            </a:extLst>
          </p:cNvPr>
          <p:cNvSpPr txBox="1"/>
          <p:nvPr/>
        </p:nvSpPr>
        <p:spPr>
          <a:xfrm>
            <a:off x="5332749" y="4556470"/>
            <a:ext cx="2910807" cy="307777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r>
              <a:rPr lang="en-US" altLang="ko-KR" sz="1400" b="1" dirty="0">
                <a:solidFill>
                  <a:srgbClr val="505050"/>
                </a:solidFill>
                <a:latin typeface="Arial" pitchFamily="34" charset="0"/>
                <a:cs typeface="Arial" pitchFamily="34" charset="0"/>
              </a:rPr>
              <a:t>EMUL@SDU.DK</a:t>
            </a:r>
            <a:endParaRPr lang="ko-KR" altLang="en-US" sz="1400" b="1" dirty="0">
              <a:solidFill>
                <a:srgbClr val="505050"/>
              </a:solidFill>
              <a:latin typeface="Arial" pitchFamily="34" charset="0"/>
              <a:cs typeface="Arial" pitchFamily="34" charset="0"/>
            </a:endParaRPr>
          </a:p>
        </p:txBody>
      </p:sp>
      <p:sp>
        <p:nvSpPr>
          <p:cNvPr id="36" name="Donut 39">
            <a:extLst>
              <a:ext uri="{FF2B5EF4-FFF2-40B4-BE49-F238E27FC236}">
                <a16:creationId xmlns:a16="http://schemas.microsoft.com/office/drawing/2014/main" id="{9A567C09-7DD7-46F3-88AB-71F5376BCED9}"/>
              </a:ext>
            </a:extLst>
          </p:cNvPr>
          <p:cNvSpPr/>
          <p:nvPr/>
        </p:nvSpPr>
        <p:spPr>
          <a:xfrm>
            <a:off x="7432602" y="4577087"/>
            <a:ext cx="270000" cy="270000"/>
          </a:xfrm>
          <a:custGeom>
            <a:avLst/>
            <a:gdLst/>
            <a:ahLst/>
            <a:cxnLst/>
            <a:rect l="l" t="t" r="r" b="b"/>
            <a:pathLst>
              <a:path w="3240000" h="3240000">
                <a:moveTo>
                  <a:pt x="1152300" y="922782"/>
                </a:moveTo>
                <a:lnTo>
                  <a:pt x="2354400" y="1620000"/>
                </a:lnTo>
                <a:lnTo>
                  <a:pt x="1152300" y="2317218"/>
                </a:lnTo>
                <a:close/>
                <a:moveTo>
                  <a:pt x="1620000" y="342403"/>
                </a:moveTo>
                <a:cubicBezTo>
                  <a:pt x="914403" y="342403"/>
                  <a:pt x="342403" y="914403"/>
                  <a:pt x="342403" y="1620000"/>
                </a:cubicBezTo>
                <a:cubicBezTo>
                  <a:pt x="342403" y="2325597"/>
                  <a:pt x="914403" y="2897597"/>
                  <a:pt x="1620000" y="2897597"/>
                </a:cubicBezTo>
                <a:cubicBezTo>
                  <a:pt x="2325597" y="2897597"/>
                  <a:pt x="2897597" y="2325597"/>
                  <a:pt x="2897597" y="1620000"/>
                </a:cubicBezTo>
                <a:cubicBezTo>
                  <a:pt x="2897597" y="914403"/>
                  <a:pt x="2325597" y="342403"/>
                  <a:pt x="1620000" y="342403"/>
                </a:cubicBezTo>
                <a:close/>
                <a:moveTo>
                  <a:pt x="1620000" y="0"/>
                </a:moveTo>
                <a:cubicBezTo>
                  <a:pt x="2514701" y="0"/>
                  <a:pt x="3240000" y="725299"/>
                  <a:pt x="3240000" y="1620000"/>
                </a:cubicBezTo>
                <a:cubicBezTo>
                  <a:pt x="3240000" y="2514701"/>
                  <a:pt x="2514701" y="3240000"/>
                  <a:pt x="1620000" y="3240000"/>
                </a:cubicBezTo>
                <a:cubicBezTo>
                  <a:pt x="725299" y="3240000"/>
                  <a:pt x="0" y="2514701"/>
                  <a:pt x="0" y="1620000"/>
                </a:cubicBezTo>
                <a:cubicBezTo>
                  <a:pt x="0" y="725299"/>
                  <a:pt x="725299" y="0"/>
                  <a:pt x="1620000" y="0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68580" tIns="34290" rIns="68580" bIns="3429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ko-KR" altLang="en-US" sz="2025">
              <a:solidFill>
                <a:schemeClr val="tx1"/>
              </a:solidFill>
            </a:endParaRP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B5AEE4AC-9241-4652-A447-14C6C758BF90}"/>
              </a:ext>
            </a:extLst>
          </p:cNvPr>
          <p:cNvSpPr txBox="1"/>
          <p:nvPr/>
        </p:nvSpPr>
        <p:spPr>
          <a:xfrm>
            <a:off x="5130589" y="3126499"/>
            <a:ext cx="3590141" cy="830997"/>
          </a:xfrm>
          <a:prstGeom prst="rect">
            <a:avLst/>
          </a:prstGeom>
          <a:noFill/>
        </p:spPr>
        <p:txBody>
          <a:bodyPr wrap="square" lIns="27000" tIns="0" rIns="27000" bIns="0" rtlCol="0" anchor="ctr">
            <a:spAutoFit/>
          </a:bodyPr>
          <a:lstStyle/>
          <a:p>
            <a:pPr algn="r"/>
            <a:r>
              <a:rPr lang="en-US" altLang="ko-KR" sz="2700" dirty="0" err="1">
                <a:solidFill>
                  <a:srgbClr val="505050"/>
                </a:solidFill>
              </a:rPr>
              <a:t>Spørgsmål</a:t>
            </a:r>
            <a:r>
              <a:rPr lang="en-US" altLang="ko-KR" sz="2700" dirty="0">
                <a:solidFill>
                  <a:srgbClr val="505050"/>
                </a:solidFill>
              </a:rPr>
              <a:t>?</a:t>
            </a:r>
          </a:p>
          <a:p>
            <a:pPr algn="r"/>
            <a:r>
              <a:rPr lang="en-US" altLang="ko-KR" sz="2700" dirty="0">
                <a:solidFill>
                  <a:schemeClr val="accent4"/>
                </a:solidFill>
              </a:rPr>
              <a:t>- </a:t>
            </a:r>
            <a:r>
              <a:rPr lang="en-US" altLang="ko-KR" sz="2700" dirty="0" err="1">
                <a:solidFill>
                  <a:schemeClr val="accent4"/>
                </a:solidFill>
              </a:rPr>
              <a:t>Kontakt</a:t>
            </a:r>
            <a:r>
              <a:rPr lang="en-US" altLang="ko-KR" sz="2700" dirty="0">
                <a:solidFill>
                  <a:schemeClr val="accent4"/>
                </a:solidFill>
              </a:rPr>
              <a:t> </a:t>
            </a:r>
            <a:r>
              <a:rPr lang="en-US" altLang="ko-KR" sz="2700" dirty="0" err="1">
                <a:solidFill>
                  <a:schemeClr val="accent4"/>
                </a:solidFill>
              </a:rPr>
              <a:t>mig</a:t>
            </a:r>
            <a:r>
              <a:rPr lang="en-US" altLang="ko-KR" sz="2700" dirty="0">
                <a:solidFill>
                  <a:schemeClr val="accent4"/>
                </a:solidFill>
              </a:rPr>
              <a:t> gerne! </a:t>
            </a:r>
            <a:r>
              <a:rPr lang="en-US" altLang="ko-KR" sz="2700" dirty="0">
                <a:solidFill>
                  <a:schemeClr val="accent4"/>
                </a:solidFill>
                <a:sym typeface="Wingdings" panose="05000000000000000000" pitchFamily="2" charset="2"/>
              </a:rPr>
              <a:t></a:t>
            </a:r>
            <a:endParaRPr lang="ko-KR" altLang="en-US" sz="2700" dirty="0">
              <a:solidFill>
                <a:schemeClr val="accent4"/>
              </a:solidFill>
            </a:endParaRPr>
          </a:p>
        </p:txBody>
      </p:sp>
      <p:sp>
        <p:nvSpPr>
          <p:cNvPr id="16" name="Rektangel 15">
            <a:extLst>
              <a:ext uri="{FF2B5EF4-FFF2-40B4-BE49-F238E27FC236}">
                <a16:creationId xmlns:a16="http://schemas.microsoft.com/office/drawing/2014/main" id="{8B3DA38A-AA10-496D-9E84-DD7DCEC7F84F}"/>
              </a:ext>
            </a:extLst>
          </p:cNvPr>
          <p:cNvSpPr/>
          <p:nvPr/>
        </p:nvSpPr>
        <p:spPr>
          <a:xfrm>
            <a:off x="233090" y="220645"/>
            <a:ext cx="1159775" cy="324468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10" name="Picture Placeholder 14">
            <a:extLst>
              <a:ext uri="{FF2B5EF4-FFF2-40B4-BE49-F238E27FC236}">
                <a16:creationId xmlns:a16="http://schemas.microsoft.com/office/drawing/2014/main" id="{101318BE-7546-4C87-8D07-3D282E61B0E9}"/>
              </a:ext>
            </a:extLst>
          </p:cNvPr>
          <p:cNvPicPr>
            <a:picLocks noGrp="1" noChangeAspect="1"/>
          </p:cNvPicPr>
          <p:nvPr>
            <p:ph type="pic" idx="16"/>
            <p:custDataLst>
              <p:tags r:id="rId1"/>
            </p:custDataLst>
          </p:nvPr>
        </p:nvPicPr>
        <p:blipFill rotWithShape="1">
          <a:blip r:embed="rId4">
            <a:alphaModFix amt="35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517" r="17517"/>
          <a:stretch/>
        </p:blipFill>
        <p:spPr>
          <a:xfrm>
            <a:off x="423270" y="1"/>
            <a:ext cx="7506976" cy="5329645"/>
          </a:xfrm>
          <a:solidFill>
            <a:schemeClr val="bg1">
              <a:lumMod val="95000"/>
              <a:alpha val="50000"/>
            </a:schemeClr>
          </a:solidFill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07212C6F-4ADB-4687-B91E-4193B43C687F}"/>
              </a:ext>
            </a:extLst>
          </p:cNvPr>
          <p:cNvSpPr txBox="1"/>
          <p:nvPr/>
        </p:nvSpPr>
        <p:spPr>
          <a:xfrm>
            <a:off x="4870219" y="4531937"/>
            <a:ext cx="270000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2000" dirty="0">
                <a:solidFill>
                  <a:schemeClr val="bg1"/>
                </a:solidFill>
              </a:rPr>
              <a:t>@</a:t>
            </a:r>
          </a:p>
        </p:txBody>
      </p:sp>
      <p:sp>
        <p:nvSpPr>
          <p:cNvPr id="40" name="Rektangel 39">
            <a:extLst>
              <a:ext uri="{FF2B5EF4-FFF2-40B4-BE49-F238E27FC236}">
                <a16:creationId xmlns:a16="http://schemas.microsoft.com/office/drawing/2014/main" id="{28E99D8E-9861-4757-974C-CCB579755291}"/>
              </a:ext>
            </a:extLst>
          </p:cNvPr>
          <p:cNvSpPr/>
          <p:nvPr/>
        </p:nvSpPr>
        <p:spPr>
          <a:xfrm>
            <a:off x="8731045" y="199103"/>
            <a:ext cx="324465" cy="1637071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41" name="Rektangel 40">
            <a:extLst>
              <a:ext uri="{FF2B5EF4-FFF2-40B4-BE49-F238E27FC236}">
                <a16:creationId xmlns:a16="http://schemas.microsoft.com/office/drawing/2014/main" id="{E55CE332-9C24-4531-BE39-E38FFCF3FFEE}"/>
              </a:ext>
            </a:extLst>
          </p:cNvPr>
          <p:cNvSpPr/>
          <p:nvPr/>
        </p:nvSpPr>
        <p:spPr>
          <a:xfrm>
            <a:off x="103013" y="6238568"/>
            <a:ext cx="1143000" cy="538316"/>
          </a:xfrm>
          <a:prstGeom prst="rect">
            <a:avLst/>
          </a:prstGeom>
          <a:solidFill>
            <a:schemeClr val="bg1">
              <a:alpha val="54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42" name="Rektangel 41">
            <a:extLst>
              <a:ext uri="{FF2B5EF4-FFF2-40B4-BE49-F238E27FC236}">
                <a16:creationId xmlns:a16="http://schemas.microsoft.com/office/drawing/2014/main" id="{4B3B816D-A8F7-4EBA-A406-E47FD04A9C99}"/>
              </a:ext>
            </a:extLst>
          </p:cNvPr>
          <p:cNvSpPr/>
          <p:nvPr/>
        </p:nvSpPr>
        <p:spPr>
          <a:xfrm flipV="1">
            <a:off x="7557615" y="5805097"/>
            <a:ext cx="1371883" cy="368063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2" name="Rektangel 11">
            <a:extLst>
              <a:ext uri="{FF2B5EF4-FFF2-40B4-BE49-F238E27FC236}">
                <a16:creationId xmlns:a16="http://schemas.microsoft.com/office/drawing/2014/main" id="{EA6A80D0-DE28-4181-A058-4E97680FC258}"/>
              </a:ext>
            </a:extLst>
          </p:cNvPr>
          <p:cNvSpPr/>
          <p:nvPr/>
        </p:nvSpPr>
        <p:spPr>
          <a:xfrm>
            <a:off x="8731045" y="199103"/>
            <a:ext cx="324465" cy="1637071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13" name="Rektangel 12">
            <a:extLst>
              <a:ext uri="{FF2B5EF4-FFF2-40B4-BE49-F238E27FC236}">
                <a16:creationId xmlns:a16="http://schemas.microsoft.com/office/drawing/2014/main" id="{3F490A50-0AC8-4EA0-9EC3-C4EDA0835EDA}"/>
              </a:ext>
            </a:extLst>
          </p:cNvPr>
          <p:cNvSpPr/>
          <p:nvPr/>
        </p:nvSpPr>
        <p:spPr>
          <a:xfrm>
            <a:off x="103013" y="6238568"/>
            <a:ext cx="1143000" cy="538316"/>
          </a:xfrm>
          <a:prstGeom prst="rect">
            <a:avLst/>
          </a:prstGeom>
          <a:solidFill>
            <a:schemeClr val="bg1">
              <a:alpha val="54000"/>
            </a:schemeClr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0" name="Rectangle 26">
            <a:extLst>
              <a:ext uri="{FF2B5EF4-FFF2-40B4-BE49-F238E27FC236}">
                <a16:creationId xmlns:a16="http://schemas.microsoft.com/office/drawing/2014/main" id="{B183E71F-3FED-4D09-9B0F-E4557BF68881}"/>
              </a:ext>
            </a:extLst>
          </p:cNvPr>
          <p:cNvSpPr/>
          <p:nvPr/>
        </p:nvSpPr>
        <p:spPr>
          <a:xfrm>
            <a:off x="5030465" y="5252315"/>
            <a:ext cx="3590141" cy="761775"/>
          </a:xfrm>
          <a:prstGeom prst="rect">
            <a:avLst/>
          </a:prstGeom>
          <a:noFill/>
          <a:ln w="38100"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ko-KR" altLang="en-US" sz="2025"/>
          </a:p>
        </p:txBody>
      </p:sp>
      <p:sp>
        <p:nvSpPr>
          <p:cNvPr id="21" name="Rectangle 27">
            <a:extLst>
              <a:ext uri="{FF2B5EF4-FFF2-40B4-BE49-F238E27FC236}">
                <a16:creationId xmlns:a16="http://schemas.microsoft.com/office/drawing/2014/main" id="{B568933D-B7EB-4814-8374-739B62ECF20E}"/>
              </a:ext>
            </a:extLst>
          </p:cNvPr>
          <p:cNvSpPr/>
          <p:nvPr/>
        </p:nvSpPr>
        <p:spPr>
          <a:xfrm>
            <a:off x="4746688" y="5379556"/>
            <a:ext cx="509621" cy="503139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ko-KR" altLang="en-US" sz="2025" dirty="0"/>
          </a:p>
        </p:txBody>
      </p:sp>
      <p:sp>
        <p:nvSpPr>
          <p:cNvPr id="22" name="TextBox 30">
            <a:extLst>
              <a:ext uri="{FF2B5EF4-FFF2-40B4-BE49-F238E27FC236}">
                <a16:creationId xmlns:a16="http://schemas.microsoft.com/office/drawing/2014/main" id="{1AC28795-FE67-4687-8F10-3075CDAF074C}"/>
              </a:ext>
            </a:extLst>
          </p:cNvPr>
          <p:cNvSpPr txBox="1"/>
          <p:nvPr/>
        </p:nvSpPr>
        <p:spPr>
          <a:xfrm>
            <a:off x="5332749" y="5474051"/>
            <a:ext cx="2910807" cy="307777"/>
          </a:xfrm>
          <a:prstGeom prst="rect">
            <a:avLst/>
          </a:prstGeom>
          <a:noFill/>
        </p:spPr>
        <p:txBody>
          <a:bodyPr wrap="square" rtlCol="0" anchor="ctr">
            <a:spAutoFit/>
          </a:bodyPr>
          <a:lstStyle/>
          <a:p>
            <a:r>
              <a:rPr lang="en-US" altLang="ko-KR" sz="1400" b="1" dirty="0" err="1">
                <a:solidFill>
                  <a:srgbClr val="505050"/>
                </a:solidFill>
                <a:latin typeface="Arial" pitchFamily="34" charset="0"/>
                <a:cs typeface="Arial" pitchFamily="34" charset="0"/>
              </a:rPr>
              <a:t>Læs</a:t>
            </a:r>
            <a:r>
              <a:rPr lang="en-US" altLang="ko-KR" sz="1400" b="1" dirty="0">
                <a:solidFill>
                  <a:srgbClr val="505050"/>
                </a:solidFill>
                <a:latin typeface="Arial" pitchFamily="34" charset="0"/>
                <a:cs typeface="Arial" pitchFamily="34" charset="0"/>
              </a:rPr>
              <a:t> mere </a:t>
            </a:r>
            <a:r>
              <a:rPr lang="en-US" altLang="ko-KR" sz="1400" b="1" dirty="0" err="1">
                <a:solidFill>
                  <a:srgbClr val="505050"/>
                </a:solidFill>
                <a:latin typeface="Arial" pitchFamily="34" charset="0"/>
                <a:cs typeface="Arial" pitchFamily="34" charset="0"/>
              </a:rPr>
              <a:t>på</a:t>
            </a:r>
            <a:r>
              <a:rPr lang="en-US" altLang="ko-KR" sz="1400" b="1" dirty="0">
                <a:solidFill>
                  <a:srgbClr val="505050"/>
                </a:solidFill>
                <a:latin typeface="Arial" pitchFamily="34" charset="0"/>
                <a:cs typeface="Arial" pitchFamily="34" charset="0"/>
              </a:rPr>
              <a:t> </a:t>
            </a:r>
            <a:r>
              <a:rPr lang="en-US" altLang="ko-KR" sz="1400" b="1" dirty="0" err="1">
                <a:solidFill>
                  <a:srgbClr val="505050"/>
                </a:solidFill>
                <a:latin typeface="Arial" pitchFamily="34" charset="0"/>
                <a:cs typeface="Arial" pitchFamily="34" charset="0"/>
              </a:rPr>
              <a:t>vores</a:t>
            </a:r>
            <a:r>
              <a:rPr lang="en-US" altLang="ko-KR" sz="1400" b="1" dirty="0">
                <a:solidFill>
                  <a:srgbClr val="505050"/>
                </a:solidFill>
                <a:latin typeface="Arial" pitchFamily="34" charset="0"/>
                <a:cs typeface="Arial" pitchFamily="34" charset="0"/>
              </a:rPr>
              <a:t> </a:t>
            </a:r>
            <a:r>
              <a:rPr lang="en-US" altLang="ko-KR" sz="1400" b="1" dirty="0">
                <a:solidFill>
                  <a:srgbClr val="0070C0"/>
                </a:solidFill>
                <a:latin typeface="Arial" pitchFamily="34" charset="0"/>
                <a:cs typeface="Arial" pitchFamily="34" charset="0"/>
                <a:hlinkClick r:id="rId5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jemmeside</a:t>
            </a:r>
            <a:endParaRPr lang="ko-KR" altLang="en-US" sz="1400" b="1" dirty="0">
              <a:solidFill>
                <a:srgbClr val="0070C0"/>
              </a:solidFill>
              <a:latin typeface="Arial" pitchFamily="34" charset="0"/>
              <a:cs typeface="Arial" pitchFamily="34" charset="0"/>
            </a:endParaRPr>
          </a:p>
        </p:txBody>
      </p:sp>
      <p:pic>
        <p:nvPicPr>
          <p:cNvPr id="5" name="Grafik 4" descr="Markør">
            <a:extLst>
              <a:ext uri="{FF2B5EF4-FFF2-40B4-BE49-F238E27FC236}">
                <a16:creationId xmlns:a16="http://schemas.microsoft.com/office/drawing/2014/main" id="{4FCC6658-2734-46F4-8EC5-0491271F9EDF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807115" y="5443495"/>
            <a:ext cx="358211" cy="3582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803812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ul\AppData\Local\Temp\1\Templafy\PowerPointVsto\Assets\Skydeskive med pil i centrum.pn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ul\AppData\Local\Temp\1\Templafy\PowerPointVsto\Assets\Skydeskive med pil i centrum.pn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ul\AppData\Local\Temp\1\Templafy\PowerPointVsto\Assets\Skydeskive med pil i centrum.pn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ul\AppData\Local\Temp\1\Templafy\PowerPointVsto\Assets\39da9a55-83f5-4dd2-8d9a-7c12a83d97e0.jpeg"/>
</p:tagLst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zrwVvdFimI08qnezDFXn4A=="}]}]]></TemplafyFormConfiguration>
</file>

<file path=customXml/item2.xml><?xml version="1.0" encoding="utf-8"?>
<TemplafyTemplateConfiguration><![CDATA[{"elementsMetadata":[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21188326284327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18AC4054-766B-4184-8C82-3C99998DAC7F}">
  <ds:schemaRefs/>
</ds:datastoreItem>
</file>

<file path=customXml/itemProps2.xml><?xml version="1.0" encoding="utf-8"?>
<ds:datastoreItem xmlns:ds="http://schemas.openxmlformats.org/officeDocument/2006/customXml" ds:itemID="{C484C70F-0F64-4774-853F-19FDF7E1F81D}">
  <ds:schemaRefs/>
</ds:datastoreItem>
</file>

<file path=customXml/itemProps3.xml><?xml version="1.0" encoding="utf-8"?>
<ds:datastoreItem xmlns:ds="http://schemas.openxmlformats.org/officeDocument/2006/customXml" ds:itemID="{EB1C286B-6E17-4719-A990-7677354B6380}">
  <ds:schemaRefs/>
</ds:datastoreItem>
</file>

<file path=customXml/itemProps4.xml><?xml version="1.0" encoding="utf-8"?>
<ds:datastoreItem xmlns:ds="http://schemas.openxmlformats.org/officeDocument/2006/customXml" ds:itemID="{F5466A43-4EA6-4955-BDEC-0C63E599A51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791</Words>
  <Application>Microsoft Office PowerPoint</Application>
  <PresentationFormat>Skærmshow (4:3)</PresentationFormat>
  <Paragraphs>107</Paragraphs>
  <Slides>7</Slides>
  <Notes>7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7</vt:i4>
      </vt:variant>
    </vt:vector>
  </HeadingPairs>
  <TitlesOfParts>
    <vt:vector size="10" baseType="lpstr">
      <vt:lpstr>Arial</vt:lpstr>
      <vt:lpstr>Wingdings</vt:lpstr>
      <vt:lpstr>Blank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19-01-15T10:32:39Z</dcterms:created>
  <dcterms:modified xsi:type="dcterms:W3CDTF">2021-06-23T12:06:4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29T07:13:52.0636750Z</vt:lpwstr>
  </property>
  <property fmtid="{D5CDD505-2E9C-101B-9397-08002B2CF9AE}" pid="3" name="TemplafyTenantId">
    <vt:lpwstr>sdu</vt:lpwstr>
  </property>
  <property fmtid="{D5CDD505-2E9C-101B-9397-08002B2CF9AE}" pid="4" name="TemplafyTemplateId">
    <vt:lpwstr>636921183990463129</vt:lpwstr>
  </property>
  <property fmtid="{D5CDD505-2E9C-101B-9397-08002B2CF9AE}" pid="5" name="TemplafyUserProfileId">
    <vt:lpwstr>637346500368661892</vt:lpwstr>
  </property>
  <property fmtid="{D5CDD505-2E9C-101B-9397-08002B2CF9AE}" pid="6" name="TemplafyLanguageCode">
    <vt:lpwstr>da-DK</vt:lpwstr>
  </property>
</Properties>
</file>